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3" r:id="rId2"/>
    <p:sldId id="262" r:id="rId3"/>
    <p:sldId id="268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23" d="100"/>
          <a:sy n="123" d="100"/>
        </p:scale>
        <p:origin x="114" y="2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17A677-9AEB-57F4-CD75-C29940149F7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A8D2533-3073-4B94-707D-AB01AACA7F1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5319F0-69E3-E4E7-CF5B-204B0A6F67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4375C8-7DC6-79A9-6301-72C18EBB4D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05548E-AC55-A543-5049-B7D89A5893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020567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BF01B1-46D1-4B01-E9C0-EB636FB7CF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5A0C9BD-017F-CD41-290F-02E1C5D170B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F6333A6-BB47-A20A-0155-08909318D1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0165A5C-07FB-3DF9-B5EE-2F623DA594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1E7CBE7-6E87-CD24-6E53-7C9ED229E3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38162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81BDF35-2F3A-15C6-610E-4A334752A2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718CEAA-0B63-CC99-B9F1-45EC5DA1C21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3CFDD1-FE67-3941-421D-09BBC67FA8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66EE4B-287C-569C-A69E-4D5174874E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6D1DB98-80E7-83FC-AD89-1C9CA79722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48841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154EE5-E61D-464A-22FF-0E6B97F2CC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3ED078-750D-6E7E-802B-6A8AAB59B4E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FBBB12C-4999-CAC2-792E-586B4CC63A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8E80E1-791F-7422-2060-200EF153AD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D80694F-0CE5-C2AC-76F2-68E988B785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87746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24EB5C-C495-A806-0DB4-1D8FC8E758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18C015C-17DD-5E13-ED7E-0889CD6114A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023C8D-7699-3FBD-2C7A-E2B1C33103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6835B2-888A-56FA-F547-5E30BB7D29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32F0B3F-13E6-8760-F78F-BD83C4CDF3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00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769887-8662-8D58-0CE7-34E70925025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7ED41D3-608B-71EF-D450-B3A3CE06FDB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961FBE4-B800-E7CF-D855-CCC8E6B250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DA01131-A24F-B9C0-03FF-745B55B68B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1AE7C49-EA7B-5861-2EC8-5B38B8E4BA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3C5A63-5CBF-A045-3FA8-115E76E6DF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3085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767A8F-B095-A6F1-84E5-F892CBDE8B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CE678CB-9820-35C5-ED2A-F7306916C29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D2FB08-DD4F-94DF-7491-2A2E1B53C07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3B79C82-5525-C937-4830-2C331E21294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E0175A5-406C-6686-5AE3-667D5158FA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CC71EF5-E786-02F5-D618-05AA7BF58B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9274D52-99FA-5E19-ADFD-E27E9D9F1C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80EBFB4-241D-0BB1-E84A-027B098388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18579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720C20-B444-D380-3CDC-CCD7E6C6E6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9CC4449-B3A2-A271-9411-308A5322AE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3163929-0371-6C16-5565-AF263C4F43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6B66A97-5D9E-9E64-F09B-2B95894338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60667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0497D77-C350-B4E9-1E8B-D0FBDDDC2E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A2BCE8F-4727-5708-4219-C606847EC4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2B6122E-9EC1-96E9-9EEC-6691106ED5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93707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636AB2-3A2C-8672-13F7-69D0255168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60EEC60-A9BB-95BD-7262-8B009170946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4A69C14-58DB-F6BF-B9C8-A3B3ACCCA44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B60FEB5-DAAC-08B7-4E04-BD9DFF7CA9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F61F634-4923-FB50-7496-39F562FF48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8E3F7B-9024-A9C4-CADF-20F6983E19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982243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1F90CA-B565-0E1E-4E3F-CC1EFBBCA6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880E172-C613-CA03-0621-8D3D19390CB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9587B20-1DFF-2F1A-F606-41435102040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42A761B-2FA4-6069-E155-A87C716ED6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06A87C-CBF3-BBC4-185B-EB7699261E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1A8FD9E-A0EF-1551-59F8-49D81C03D6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502796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57B810-4593-4AE9-0C9D-16CFFD3E1C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A4DB408-1760-9C46-C07E-2ADC08609C2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D18DAEB-C4CB-F1DD-8202-58ABAC3FC30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CF0F079-C237-4338-8F50-56C66A6B30C9}" type="datetimeFigureOut">
              <a:rPr lang="en-US" smtClean="0"/>
              <a:t>12/19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B826A56-3B84-88BE-83E1-5B8339BDC23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1B147B3-3DBA-051C-C7CD-B4DEF6E8B6C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391C0BF-19F1-4031-B3F0-49BCD58436E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64882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gif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image" Target="../media/image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Diagram&#10;&#10;Description automatically generated">
            <a:extLst>
              <a:ext uri="{FF2B5EF4-FFF2-40B4-BE49-F238E27FC236}">
                <a16:creationId xmlns:a16="http://schemas.microsoft.com/office/drawing/2014/main" id="{AA85CC8F-FE1C-F860-9C8B-73BB1E960F92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99810" y="0"/>
            <a:ext cx="5392379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14662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" name="OTLSHAPE_SL_c594e148774440a497da080af40ae46a_BackgroundRectangle">
            <a:extLst>
              <a:ext uri="{FF2B5EF4-FFF2-40B4-BE49-F238E27FC236}">
                <a16:creationId xmlns:a16="http://schemas.microsoft.com/office/drawing/2014/main" id="{B7C25545-7540-69FF-B1AF-07A763EBC9A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449632"/>
            <a:ext cx="11201400" cy="1656334"/>
          </a:xfrm>
          <a:prstGeom prst="rect">
            <a:avLst/>
          </a:prstGeom>
          <a:solidFill>
            <a:srgbClr val="C9C9C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SL_4c493e502e5646e094f1a32c96e730d4_BackgroundRectangle">
            <a:extLst>
              <a:ext uri="{FF2B5EF4-FFF2-40B4-BE49-F238E27FC236}">
                <a16:creationId xmlns:a16="http://schemas.microsoft.com/office/drawing/2014/main" id="{61FFC092-3FAF-D590-C91A-BBE91E92347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1086585"/>
            <a:ext cx="11201400" cy="279400"/>
          </a:xfrm>
          <a:prstGeom prst="rect">
            <a:avLst/>
          </a:prstGeom>
          <a:solidFill>
            <a:srgbClr val="C9C9C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_29a604981a124821bc2c8a437bb82db8_BackgroundRectangle">
            <a:extLst>
              <a:ext uri="{FF2B5EF4-FFF2-40B4-BE49-F238E27FC236}">
                <a16:creationId xmlns:a16="http://schemas.microsoft.com/office/drawing/2014/main" id="{E3624821-15ED-FD84-45DA-CEB8F2A30BB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072359"/>
            <a:ext cx="11201400" cy="1313773"/>
          </a:xfrm>
          <a:prstGeom prst="rect">
            <a:avLst/>
          </a:prstGeom>
          <a:solidFill>
            <a:srgbClr val="C9C9C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" name="OTLSHAPE_SL_9ed3e98d2d7a4dc7b256c097e4fd0984_BackgroundRectangle">
            <a:extLst>
              <a:ext uri="{FF2B5EF4-FFF2-40B4-BE49-F238E27FC236}">
                <a16:creationId xmlns:a16="http://schemas.microsoft.com/office/drawing/2014/main" id="{DC690DFB-42C2-DC41-4F82-608FA709B12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429485"/>
            <a:ext cx="11201400" cy="579374"/>
          </a:xfrm>
          <a:prstGeom prst="rect">
            <a:avLst/>
          </a:prstGeom>
          <a:solidFill>
            <a:srgbClr val="C9C9C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" name="OTLSHAPE_SL_f8fcb8d155714cf3a2ff93fcf9b1290b_BackgroundRectangle">
            <a:extLst>
              <a:ext uri="{FF2B5EF4-FFF2-40B4-BE49-F238E27FC236}">
                <a16:creationId xmlns:a16="http://schemas.microsoft.com/office/drawing/2014/main" id="{E28D1BFD-C0F8-F75B-E569-FD8C449C8A3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169466"/>
            <a:ext cx="11201400" cy="617474"/>
          </a:xfrm>
          <a:prstGeom prst="rect">
            <a:avLst/>
          </a:prstGeom>
          <a:solidFill>
            <a:srgbClr val="C9C9C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" name="OTLSHAPE_SL_fe1025703315491d9416c10ba72c148e_BackgroundRectangle">
            <a:extLst>
              <a:ext uri="{FF2B5EF4-FFF2-40B4-BE49-F238E27FC236}">
                <a16:creationId xmlns:a16="http://schemas.microsoft.com/office/drawing/2014/main" id="{5F5ABE3F-25C7-580C-FF47-0E3BED67A411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5850440"/>
            <a:ext cx="11201400" cy="424349"/>
          </a:xfrm>
          <a:prstGeom prst="rect">
            <a:avLst/>
          </a:prstGeom>
          <a:solidFill>
            <a:srgbClr val="C9C9C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" name="OTLSHAPE_TB_00000000000000000000000000000000_ScaleContainer">
            <a:extLst>
              <a:ext uri="{FF2B5EF4-FFF2-40B4-BE49-F238E27FC236}">
                <a16:creationId xmlns:a16="http://schemas.microsoft.com/office/drawing/2014/main" id="{BA5B1BD3-E18E-A496-B1B9-0307D644B65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502385"/>
            <a:ext cx="10337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_c594e148774440a497da080af40ae46a_HeaderRectangle">
            <a:extLst>
              <a:ext uri="{FF2B5EF4-FFF2-40B4-BE49-F238E27FC236}">
                <a16:creationId xmlns:a16="http://schemas.microsoft.com/office/drawing/2014/main" id="{931C9322-AD14-4431-91DC-6E5E394FFCE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449632"/>
            <a:ext cx="749300" cy="165633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SL_4c493e502e5646e094f1a32c96e730d4_HeaderRectangle">
            <a:extLst>
              <a:ext uri="{FF2B5EF4-FFF2-40B4-BE49-F238E27FC236}">
                <a16:creationId xmlns:a16="http://schemas.microsoft.com/office/drawing/2014/main" id="{1D404C86-09FE-A596-CCA1-0A0F1499C11F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1086585"/>
            <a:ext cx="7493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SL_29a604981a124821bc2c8a437bb82db8_HeaderRectangle">
            <a:extLst>
              <a:ext uri="{FF2B5EF4-FFF2-40B4-BE49-F238E27FC236}">
                <a16:creationId xmlns:a16="http://schemas.microsoft.com/office/drawing/2014/main" id="{D257E703-96D7-39B9-A27B-E768C5BB0D4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072359"/>
            <a:ext cx="749300" cy="1313773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" name="OTLSHAPE_SL_9ed3e98d2d7a4dc7b256c097e4fd0984_HeaderRectangle">
            <a:extLst>
              <a:ext uri="{FF2B5EF4-FFF2-40B4-BE49-F238E27FC236}">
                <a16:creationId xmlns:a16="http://schemas.microsoft.com/office/drawing/2014/main" id="{01401BFA-5325-9903-FA21-D1F2CFD73DD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1429485"/>
            <a:ext cx="749300" cy="5793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" name="OTLSHAPE_SL_f8fcb8d155714cf3a2ff93fcf9b1290b_HeaderRectangle">
            <a:extLst>
              <a:ext uri="{FF2B5EF4-FFF2-40B4-BE49-F238E27FC236}">
                <a16:creationId xmlns:a16="http://schemas.microsoft.com/office/drawing/2014/main" id="{6BA5EA30-C257-5F44-B9E0-1159B6B2043B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169466"/>
            <a:ext cx="749300" cy="6174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9" name="OTLSHAPE_SL_fe1025703315491d9416c10ba72c148e_HeaderRectangle">
            <a:extLst>
              <a:ext uri="{FF2B5EF4-FFF2-40B4-BE49-F238E27FC236}">
                <a16:creationId xmlns:a16="http://schemas.microsoft.com/office/drawing/2014/main" id="{48676B66-18A7-3CAD-223C-96A72A37297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850440"/>
            <a:ext cx="749300" cy="42434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8" name="OTLSHAPE_SLT_e8650693dbda444392141013f6389413_Shape">
            <a:extLst>
              <a:ext uri="{FF2B5EF4-FFF2-40B4-BE49-F238E27FC236}">
                <a16:creationId xmlns:a16="http://schemas.microsoft.com/office/drawing/2014/main" id="{95A08FBF-504E-E6C3-A105-B85B3D82435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20178" y="3845787"/>
            <a:ext cx="1155700" cy="155025"/>
          </a:xfrm>
          <a:prstGeom prst="roundRect">
            <a:avLst>
              <a:gd name="adj" fmla="val 100000"/>
            </a:avLst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0" name="OTLSHAPE_SLT_603c06f1ca6747758d5cb4cc24c42d5a_Shape">
            <a:extLst>
              <a:ext uri="{FF2B5EF4-FFF2-40B4-BE49-F238E27FC236}">
                <a16:creationId xmlns:a16="http://schemas.microsoft.com/office/drawing/2014/main" id="{94C33246-79BD-265F-A0F6-E56DC42F0A3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367431" y="4038912"/>
            <a:ext cx="584200" cy="155025"/>
          </a:xfrm>
          <a:prstGeom prst="roundRect">
            <a:avLst>
              <a:gd name="adj" fmla="val 100000"/>
            </a:avLst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2" name="OTLSHAPE_SLT_114a6d82008747569bfc16ae8d7870b8_Shape">
            <a:extLst>
              <a:ext uri="{FF2B5EF4-FFF2-40B4-BE49-F238E27FC236}">
                <a16:creationId xmlns:a16="http://schemas.microsoft.com/office/drawing/2014/main" id="{6AC14C0F-53C1-A618-2488-B9F5B3D7C4F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941057" y="4232037"/>
            <a:ext cx="1155700" cy="155025"/>
          </a:xfrm>
          <a:prstGeom prst="roundRect">
            <a:avLst>
              <a:gd name="adj" fmla="val 100000"/>
            </a:avLst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" name="OTLSHAPE_SLT_24cc407c38694f82a26220d0fd349727_Shape">
            <a:extLst>
              <a:ext uri="{FF2B5EF4-FFF2-40B4-BE49-F238E27FC236}">
                <a16:creationId xmlns:a16="http://schemas.microsoft.com/office/drawing/2014/main" id="{E7F42F95-779D-F3AC-6D20-5380D87806E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088310" y="4580186"/>
            <a:ext cx="5842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0" name="OTLSHAPE_SLT_f9d11923434c4a578ab2f49202dd4b0f_Shape">
            <a:extLst>
              <a:ext uri="{FF2B5EF4-FFF2-40B4-BE49-F238E27FC236}">
                <a16:creationId xmlns:a16="http://schemas.microsoft.com/office/drawing/2014/main" id="{EF6F469B-9B0E-5EDA-5506-FE252849DE2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227870" y="1124685"/>
            <a:ext cx="5842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8" name="OTLSHAPE_SLT_a355246d0faf453f9ce0327e66efecdf_Shape">
            <a:extLst>
              <a:ext uri="{FF2B5EF4-FFF2-40B4-BE49-F238E27FC236}">
                <a16:creationId xmlns:a16="http://schemas.microsoft.com/office/drawing/2014/main" id="{00097B65-907F-992A-32BF-A3AC3558E80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964133" y="1124685"/>
            <a:ext cx="584200" cy="155025"/>
          </a:xfrm>
          <a:prstGeom prst="roundRect">
            <a:avLst>
              <a:gd name="adj" fmla="val 100000"/>
            </a:avLst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6" name="OTLSHAPE_SLT_8e9ba3fd01ea4b2d852a6cfaa81b31e1_Shape">
            <a:extLst>
              <a:ext uri="{FF2B5EF4-FFF2-40B4-BE49-F238E27FC236}">
                <a16:creationId xmlns:a16="http://schemas.microsoft.com/office/drawing/2014/main" id="{F4E06651-8EB3-6CB7-0712-77353C90388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941057" y="2110459"/>
            <a:ext cx="2921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8" name="OTLSHAPE_SLT_171ddad5352c4b9cb60203b76d839c4d_Shape">
            <a:extLst>
              <a:ext uri="{FF2B5EF4-FFF2-40B4-BE49-F238E27FC236}">
                <a16:creationId xmlns:a16="http://schemas.microsoft.com/office/drawing/2014/main" id="{A6791D68-8A85-06E6-FFA1-78D119B24C9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227870" y="2458609"/>
            <a:ext cx="5842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0" name="OTLSHAPE_SLT_2e77f4f27fb24397b6f77665c8e2dc77_Shape">
            <a:extLst>
              <a:ext uri="{FF2B5EF4-FFF2-40B4-BE49-F238E27FC236}">
                <a16:creationId xmlns:a16="http://schemas.microsoft.com/office/drawing/2014/main" id="{02CE3249-A636-B9E5-5487-B1AD9A0B675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088310" y="2458609"/>
            <a:ext cx="1155700" cy="155025"/>
          </a:xfrm>
          <a:prstGeom prst="roundRect">
            <a:avLst>
              <a:gd name="adj" fmla="val 100000"/>
            </a:avLst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2" name="OTLSHAPE_SLT_1811b68055294939aa96cef04d1eb711_Shape">
            <a:extLst>
              <a:ext uri="{FF2B5EF4-FFF2-40B4-BE49-F238E27FC236}">
                <a16:creationId xmlns:a16="http://schemas.microsoft.com/office/drawing/2014/main" id="{EFB6CC51-C1E3-3D6B-EA51-D41F521DE8F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235562" y="2806758"/>
            <a:ext cx="2870200" cy="155025"/>
          </a:xfrm>
          <a:prstGeom prst="roundRect">
            <a:avLst>
              <a:gd name="adj" fmla="val 100000"/>
            </a:avLst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4" name="OTLSHAPE_SLT_23cee9cf80a44ac5b107b976e7317f69_Shape">
            <a:extLst>
              <a:ext uri="{FF2B5EF4-FFF2-40B4-BE49-F238E27FC236}">
                <a16:creationId xmlns:a16="http://schemas.microsoft.com/office/drawing/2014/main" id="{7C790A25-9A5E-EE09-FB66-B35E93B53CC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103694" y="2999883"/>
            <a:ext cx="863600" cy="155025"/>
          </a:xfrm>
          <a:prstGeom prst="roundRect">
            <a:avLst>
              <a:gd name="adj" fmla="val 100000"/>
            </a:avLst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6" name="OTLSHAPE_SLT_990f1c9f48244da5ab928b94de86f9dd_Shape">
            <a:extLst>
              <a:ext uri="{FF2B5EF4-FFF2-40B4-BE49-F238E27FC236}">
                <a16:creationId xmlns:a16="http://schemas.microsoft.com/office/drawing/2014/main" id="{623519EE-46BD-B4A0-43E2-61D874A255B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677320" y="3193007"/>
            <a:ext cx="2921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2" name="OTLSHAPE_SLT_90317337ad2342f6bb3f18465df1aa2a_Shape">
            <a:extLst>
              <a:ext uri="{FF2B5EF4-FFF2-40B4-BE49-F238E27FC236}">
                <a16:creationId xmlns:a16="http://schemas.microsoft.com/office/drawing/2014/main" id="{23D53498-7F4C-795C-5327-FF769CB467F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537759" y="1467585"/>
            <a:ext cx="863600" cy="155025"/>
          </a:xfrm>
          <a:prstGeom prst="roundRect">
            <a:avLst>
              <a:gd name="adj" fmla="val 100000"/>
            </a:avLst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4" name="OTLSHAPE_SLT_bf835c31defb47f892c62b9ef00fa3cd_Shape">
            <a:extLst>
              <a:ext uri="{FF2B5EF4-FFF2-40B4-BE49-F238E27FC236}">
                <a16:creationId xmlns:a16="http://schemas.microsoft.com/office/drawing/2014/main" id="{4106EBC9-665C-E35C-4783-9EAB971A36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111385" y="1738222"/>
            <a:ext cx="2921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6" name="OTLSHAPE_SLT_7a05572fa4864f53acf577eb9e00af4b_Shape">
            <a:extLst>
              <a:ext uri="{FF2B5EF4-FFF2-40B4-BE49-F238E27FC236}">
                <a16:creationId xmlns:a16="http://schemas.microsoft.com/office/drawing/2014/main" id="{9F64F48B-2C33-6A6E-994F-79D68517EBE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677320" y="4580186"/>
            <a:ext cx="8636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8" name="OTLSHAPE_SLT_1e66e37118f94e609228d2c11108abcd_Shape">
            <a:extLst>
              <a:ext uri="{FF2B5EF4-FFF2-40B4-BE49-F238E27FC236}">
                <a16:creationId xmlns:a16="http://schemas.microsoft.com/office/drawing/2014/main" id="{C64E5D0E-44C9-C128-B362-4CF57F14F63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398199" y="4580186"/>
            <a:ext cx="584200" cy="155025"/>
          </a:xfrm>
          <a:prstGeom prst="roundRect">
            <a:avLst>
              <a:gd name="adj" fmla="val 100000"/>
            </a:avLst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0" name="OTLSHAPE_SLT_f893984f20e548d5bba06add1659cd87_Shape">
            <a:extLst>
              <a:ext uri="{FF2B5EF4-FFF2-40B4-BE49-F238E27FC236}">
                <a16:creationId xmlns:a16="http://schemas.microsoft.com/office/drawing/2014/main" id="{53C21DF7-9554-1A56-36DF-E296D1BCB33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088310" y="5207566"/>
            <a:ext cx="17272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" name="OTLSHAPE_SLT_16d786b2610d478480c6a2af9b97db35_Shape">
            <a:extLst>
              <a:ext uri="{FF2B5EF4-FFF2-40B4-BE49-F238E27FC236}">
                <a16:creationId xmlns:a16="http://schemas.microsoft.com/office/drawing/2014/main" id="{001FA9FC-DF79-FCFC-F9F5-C38583B70F2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809188" y="5400691"/>
            <a:ext cx="5842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4" name="OTLSHAPE_SLT_78ebaf2bbb914873aaffc8d7456db3ee_Shape">
            <a:extLst>
              <a:ext uri="{FF2B5EF4-FFF2-40B4-BE49-F238E27FC236}">
                <a16:creationId xmlns:a16="http://schemas.microsoft.com/office/drawing/2014/main" id="{B467995D-F1B5-E377-A774-FDF2B83578C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82815" y="5593815"/>
            <a:ext cx="2921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6" name="OTLSHAPE_SLT_817b063dd0f74d9abbbc470a764e7a62_Shape">
            <a:extLst>
              <a:ext uri="{FF2B5EF4-FFF2-40B4-BE49-F238E27FC236}">
                <a16:creationId xmlns:a16="http://schemas.microsoft.com/office/drawing/2014/main" id="{DBC11432-8147-59AB-064F-559AEF1ED63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941057" y="5888540"/>
            <a:ext cx="5842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8" name="OTLSHAPE_SLT_a222b09b772f4a5386d32de21a03bcd5_Shape">
            <a:extLst>
              <a:ext uri="{FF2B5EF4-FFF2-40B4-BE49-F238E27FC236}">
                <a16:creationId xmlns:a16="http://schemas.microsoft.com/office/drawing/2014/main" id="{15728431-3588-8EB8-7AA2-5BCE48F6585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669628" y="5888540"/>
            <a:ext cx="5842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0" name="OTLSHAPE_SLT_a46d25cc4c434079ab3bb10ddce6401f_Shape">
            <a:extLst>
              <a:ext uri="{FF2B5EF4-FFF2-40B4-BE49-F238E27FC236}">
                <a16:creationId xmlns:a16="http://schemas.microsoft.com/office/drawing/2014/main" id="{731066B6-2FEE-04E9-F2B7-12634F19ACA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243254" y="6081664"/>
            <a:ext cx="1435100" cy="155025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SLM_48558b8576a340fd800d2845a189bba5_Shape">
            <a:extLst>
              <a:ext uri="{FF2B5EF4-FFF2-40B4-BE49-F238E27FC236}">
                <a16:creationId xmlns:a16="http://schemas.microsoft.com/office/drawing/2014/main" id="{3CD9D281-E5E7-97FF-81F5-91FF87D0328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92979" y="3508010"/>
            <a:ext cx="254000" cy="254000"/>
          </a:xfrm>
          <a:prstGeom prst="ellipse">
            <a:avLst/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SLM_9036fe79814f42ef850834bd92ff13cc_Shape">
            <a:extLst>
              <a:ext uri="{FF2B5EF4-FFF2-40B4-BE49-F238E27FC236}">
                <a16:creationId xmlns:a16="http://schemas.microsoft.com/office/drawing/2014/main" id="{ADED0ECC-4CC6-8124-FD67-D1BDAD23BAFB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844825" y="4793588"/>
            <a:ext cx="254000" cy="254000"/>
          </a:xfrm>
          <a:prstGeom prst="ellipse">
            <a:avLst/>
          </a:prstGeom>
          <a:solidFill>
            <a:srgbClr val="FDCBD0"/>
          </a:solidFill>
          <a:ln w="14288">
            <a:solidFill>
              <a:srgbClr val="DE323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_c594e148774440a497da080af40ae46a_Header">
            <a:extLst>
              <a:ext uri="{FF2B5EF4-FFF2-40B4-BE49-F238E27FC236}">
                <a16:creationId xmlns:a16="http://schemas.microsoft.com/office/drawing/2014/main" id="{8DC4A4B9-A257-CBC7-ACCF-94416B39BB7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418477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Frame</a:t>
            </a:r>
          </a:p>
        </p:txBody>
      </p:sp>
      <p:sp>
        <p:nvSpPr>
          <p:cNvPr id="252" name="OTLSHAPE_SL_4c493e502e5646e094f1a32c96e730d4_Header">
            <a:extLst>
              <a:ext uri="{FF2B5EF4-FFF2-40B4-BE49-F238E27FC236}">
                <a16:creationId xmlns:a16="http://schemas.microsoft.com/office/drawing/2014/main" id="{036EC1C7-2928-CE79-C884-A0AFFC1251E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113325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Plumbing</a:t>
            </a:r>
          </a:p>
        </p:txBody>
      </p:sp>
      <p:sp>
        <p:nvSpPr>
          <p:cNvPr id="255" name="OTLSHAPE_SL_29a604981a124821bc2c8a437bb82db8_Header">
            <a:extLst>
              <a:ext uri="{FF2B5EF4-FFF2-40B4-BE49-F238E27FC236}">
                <a16:creationId xmlns:a16="http://schemas.microsoft.com/office/drawing/2014/main" id="{25D0F660-275A-D7E7-3A0D-78D9BAE7527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263621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Interiors</a:t>
            </a:r>
          </a:p>
        </p:txBody>
      </p:sp>
      <p:sp>
        <p:nvSpPr>
          <p:cNvPr id="364" name="OTLSHAPE_SL_9ed3e98d2d7a4dc7b256c097e4fd0984_Header">
            <a:extLst>
              <a:ext uri="{FF2B5EF4-FFF2-40B4-BE49-F238E27FC236}">
                <a16:creationId xmlns:a16="http://schemas.microsoft.com/office/drawing/2014/main" id="{265E76C9-90BF-4864-11F4-FF9E12F32DF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162614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Finishing</a:t>
            </a:r>
          </a:p>
        </p:txBody>
      </p:sp>
      <p:sp>
        <p:nvSpPr>
          <p:cNvPr id="367" name="OTLSHAPE_SL_f8fcb8d155714cf3a2ff93fcf9b1290b_Header">
            <a:extLst>
              <a:ext uri="{FF2B5EF4-FFF2-40B4-BE49-F238E27FC236}">
                <a16:creationId xmlns:a16="http://schemas.microsoft.com/office/drawing/2014/main" id="{F27723B1-5FFE-589F-1F2C-AD2BFC190E6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538517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Exteriors</a:t>
            </a:r>
          </a:p>
        </p:txBody>
      </p:sp>
      <p:sp>
        <p:nvSpPr>
          <p:cNvPr id="370" name="OTLSHAPE_SL_fe1025703315491d9416c10ba72c148e_Header">
            <a:extLst>
              <a:ext uri="{FF2B5EF4-FFF2-40B4-BE49-F238E27FC236}">
                <a16:creationId xmlns:a16="http://schemas.microsoft.com/office/drawing/2014/main" id="{CBFF188A-7727-0A4C-87E7-5AC802C7B6B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596958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Terrac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10E89F-3843-9414-5E24-5D12368FFD6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96865" y="615373"/>
            <a:ext cx="291747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CFB349B1-65DD-1351-3074-7C2509DD6D8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857305" y="615373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212" name="OTLSHAPE_SLM_48558b8576a340fd800d2845a189bba5_Title">
            <a:extLst>
              <a:ext uri="{FF2B5EF4-FFF2-40B4-BE49-F238E27FC236}">
                <a16:creationId xmlns:a16="http://schemas.microsoft.com/office/drawing/2014/main" id="{8BF81B88-6BEC-72E6-5526-033A729D8EC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397779" y="34877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213" name="OTLSHAPE_SLM_48558b8576a340fd800d2845a189bba5_Date">
            <a:extLst>
              <a:ext uri="{FF2B5EF4-FFF2-40B4-BE49-F238E27FC236}">
                <a16:creationId xmlns:a16="http://schemas.microsoft.com/office/drawing/2014/main" id="{2B5BFA02-BB2A-36AF-90C6-A10AD6BC039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397779" y="3642757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2</a:t>
            </a:r>
          </a:p>
        </p:txBody>
      </p:sp>
      <p:sp>
        <p:nvSpPr>
          <p:cNvPr id="220" name="OTLSHAPE_SLT_e8650693dbda444392141013f6389413_Title">
            <a:extLst>
              <a:ext uri="{FF2B5EF4-FFF2-40B4-BE49-F238E27FC236}">
                <a16:creationId xmlns:a16="http://schemas.microsoft.com/office/drawing/2014/main" id="{6D8395F8-8480-ADA9-51F1-50853513441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468832" y="3845787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xcavation</a:t>
            </a:r>
          </a:p>
        </p:txBody>
      </p:sp>
      <p:sp>
        <p:nvSpPr>
          <p:cNvPr id="221" name="OTLSHAPE_SLT_e8650693dbda444392141013f6389413_Duration">
            <a:extLst>
              <a:ext uri="{FF2B5EF4-FFF2-40B4-BE49-F238E27FC236}">
                <a16:creationId xmlns:a16="http://schemas.microsoft.com/office/drawing/2014/main" id="{35328B8F-4AAE-9B03-E12A-5BB14EC902B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713801" y="384578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 d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SLT_603c06f1ca6747758d5cb4cc24c42d5a_Duration">
            <a:extLst>
              <a:ext uri="{FF2B5EF4-FFF2-40B4-BE49-F238E27FC236}">
                <a16:creationId xmlns:a16="http://schemas.microsoft.com/office/drawing/2014/main" id="{520B11F1-89E3-35FA-47CC-76FC7F3F64F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574240" y="403891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</a:t>
            </a:r>
          </a:p>
        </p:txBody>
      </p:sp>
      <p:sp>
        <p:nvSpPr>
          <p:cNvPr id="229" name="OTLSHAPE_SLT_603c06f1ca6747758d5cb4cc24c42d5a_Title">
            <a:extLst>
              <a:ext uri="{FF2B5EF4-FFF2-40B4-BE49-F238E27FC236}">
                <a16:creationId xmlns:a16="http://schemas.microsoft.com/office/drawing/2014/main" id="{3B0616C1-CF10-F48A-3927-E60734BAA02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042458" y="4038912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Foundation</a:t>
            </a:r>
          </a:p>
        </p:txBody>
      </p:sp>
      <p:sp>
        <p:nvSpPr>
          <p:cNvPr id="236" name="OTLSHAPE_SLT_114a6d82008747569bfc16ae8d7870b8_Title">
            <a:extLst>
              <a:ext uri="{FF2B5EF4-FFF2-40B4-BE49-F238E27FC236}">
                <a16:creationId xmlns:a16="http://schemas.microsoft.com/office/drawing/2014/main" id="{481053BD-A627-0CC4-9A74-997E43EC2CF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138911" y="4232037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Wooden frame</a:t>
            </a:r>
          </a:p>
        </p:txBody>
      </p:sp>
      <p:sp>
        <p:nvSpPr>
          <p:cNvPr id="237" name="OTLSHAPE_SLT_114a6d82008747569bfc16ae8d7870b8_Duration">
            <a:extLst>
              <a:ext uri="{FF2B5EF4-FFF2-40B4-BE49-F238E27FC236}">
                <a16:creationId xmlns:a16="http://schemas.microsoft.com/office/drawing/2014/main" id="{018155D2-33E6-F840-7D0C-ABC0BC6E849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434680" y="423203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 d</a:t>
            </a:r>
          </a:p>
        </p:txBody>
      </p:sp>
      <p:sp>
        <p:nvSpPr>
          <p:cNvPr id="244" name="OTLSHAPE_SLT_24cc407c38694f82a26220d0fd349727_Duration">
            <a:extLst>
              <a:ext uri="{FF2B5EF4-FFF2-40B4-BE49-F238E27FC236}">
                <a16:creationId xmlns:a16="http://schemas.microsoft.com/office/drawing/2014/main" id="{DE0AED0F-3216-58D0-9F66-B2867611B71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295119" y="458018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SLT_24cc407c38694f82a26220d0fd349727_Title">
            <a:extLst>
              <a:ext uri="{FF2B5EF4-FFF2-40B4-BE49-F238E27FC236}">
                <a16:creationId xmlns:a16="http://schemas.microsoft.com/office/drawing/2014/main" id="{D2468084-E37D-C452-7E3E-636DDDD06B3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088310" y="442516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ough wiring</a:t>
            </a:r>
          </a:p>
        </p:txBody>
      </p:sp>
      <p:sp>
        <p:nvSpPr>
          <p:cNvPr id="269" name="OTLSHAPE_SLT_f9d11923434c4a578ab2f49202dd4b0f_Title">
            <a:extLst>
              <a:ext uri="{FF2B5EF4-FFF2-40B4-BE49-F238E27FC236}">
                <a16:creationId xmlns:a16="http://schemas.microsoft.com/office/drawing/2014/main" id="{FCF81AAC-0BDE-CD8E-EF0A-B4D02DE0421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852097" y="112468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Rough plumbing</a:t>
            </a:r>
          </a:p>
        </p:txBody>
      </p:sp>
      <p:sp>
        <p:nvSpPr>
          <p:cNvPr id="270" name="OTLSHAPE_SLT_f9d11923434c4a578ab2f49202dd4b0f_Duration">
            <a:extLst>
              <a:ext uri="{FF2B5EF4-FFF2-40B4-BE49-F238E27FC236}">
                <a16:creationId xmlns:a16="http://schemas.microsoft.com/office/drawing/2014/main" id="{A88EA400-3184-8F88-CDA8-D8EB7ABD1A8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434680" y="112468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</a:t>
            </a:r>
          </a:p>
        </p:txBody>
      </p:sp>
      <p:sp>
        <p:nvSpPr>
          <p:cNvPr id="277" name="OTLSHAPE_SLT_a355246d0faf453f9ce0327e66efecdf_Title">
            <a:extLst>
              <a:ext uri="{FF2B5EF4-FFF2-40B4-BE49-F238E27FC236}">
                <a16:creationId xmlns:a16="http://schemas.microsoft.com/office/drawing/2014/main" id="{DB8A7620-1E69-48B5-3881-FB8A9C4347D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639160" y="1124685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Finish plumbing</a:t>
            </a:r>
          </a:p>
        </p:txBody>
      </p:sp>
      <p:sp>
        <p:nvSpPr>
          <p:cNvPr id="278" name="OTLSHAPE_SLT_a355246d0faf453f9ce0327e66efecdf_Duration">
            <a:extLst>
              <a:ext uri="{FF2B5EF4-FFF2-40B4-BE49-F238E27FC236}">
                <a16:creationId xmlns:a16="http://schemas.microsoft.com/office/drawing/2014/main" id="{F101E625-264C-7AAE-2DF3-4FDA4BF255F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170943" y="112468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</a:t>
            </a:r>
          </a:p>
        </p:txBody>
      </p:sp>
      <p:sp>
        <p:nvSpPr>
          <p:cNvPr id="288" name="OTLSHAPE_SLT_8e9ba3fd01ea4b2d852a6cfaa81b31e1_Duration">
            <a:extLst>
              <a:ext uri="{FF2B5EF4-FFF2-40B4-BE49-F238E27FC236}">
                <a16:creationId xmlns:a16="http://schemas.microsoft.com/office/drawing/2014/main" id="{F7405C46-40F9-4BC3-3628-870661475BD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004460" y="211045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 d</a:t>
            </a:r>
          </a:p>
        </p:txBody>
      </p:sp>
      <p:sp>
        <p:nvSpPr>
          <p:cNvPr id="289" name="OTLSHAPE_SLT_8e9ba3fd01ea4b2d852a6cfaa81b31e1_Title">
            <a:extLst>
              <a:ext uri="{FF2B5EF4-FFF2-40B4-BE49-F238E27FC236}">
                <a16:creationId xmlns:a16="http://schemas.microsoft.com/office/drawing/2014/main" id="{71D035B7-0244-1839-1E9E-3BED5D1AF57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836326" y="2110459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asement plumbing</a:t>
            </a:r>
          </a:p>
        </p:txBody>
      </p:sp>
      <p:sp>
        <p:nvSpPr>
          <p:cNvPr id="296" name="OTLSHAPE_SLT_171ddad5352c4b9cb60203b76d839c4d_Title">
            <a:extLst>
              <a:ext uri="{FF2B5EF4-FFF2-40B4-BE49-F238E27FC236}">
                <a16:creationId xmlns:a16="http://schemas.microsoft.com/office/drawing/2014/main" id="{1E95022B-523D-25CC-5BA0-D960FFD769D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369562" y="245860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Basement floor</a:t>
            </a:r>
          </a:p>
        </p:txBody>
      </p:sp>
      <p:sp>
        <p:nvSpPr>
          <p:cNvPr id="297" name="OTLSHAPE_SLT_171ddad5352c4b9cb60203b76d839c4d_Duration">
            <a:extLst>
              <a:ext uri="{FF2B5EF4-FFF2-40B4-BE49-F238E27FC236}">
                <a16:creationId xmlns:a16="http://schemas.microsoft.com/office/drawing/2014/main" id="{2CFC6ACB-A1B2-2CAF-AD4E-EC4A0549CFB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434680" y="245860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</a:t>
            </a:r>
          </a:p>
        </p:txBody>
      </p:sp>
      <p:sp>
        <p:nvSpPr>
          <p:cNvPr id="304" name="OTLSHAPE_SLT_2e77f4f27fb24397b6f77665c8e2dc77_Title">
            <a:extLst>
              <a:ext uri="{FF2B5EF4-FFF2-40B4-BE49-F238E27FC236}">
                <a16:creationId xmlns:a16="http://schemas.microsoft.com/office/drawing/2014/main" id="{29D740FD-6224-C4D1-AA37-635BD3F105B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088310" y="2303584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Heating</a:t>
            </a:r>
          </a:p>
        </p:txBody>
      </p:sp>
      <p:sp>
        <p:nvSpPr>
          <p:cNvPr id="305" name="OTLSHAPE_SLT_2e77f4f27fb24397b6f77665c8e2dc77_Duration">
            <a:extLst>
              <a:ext uri="{FF2B5EF4-FFF2-40B4-BE49-F238E27FC236}">
                <a16:creationId xmlns:a16="http://schemas.microsoft.com/office/drawing/2014/main" id="{FEB4CA00-13D3-0219-C168-2E8816DCB31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581932" y="245860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 d</a:t>
            </a:r>
          </a:p>
        </p:txBody>
      </p:sp>
      <p:sp>
        <p:nvSpPr>
          <p:cNvPr id="312" name="OTLSHAPE_SLT_1811b68055294939aa96cef04d1eb711_Title">
            <a:extLst>
              <a:ext uri="{FF2B5EF4-FFF2-40B4-BE49-F238E27FC236}">
                <a16:creationId xmlns:a16="http://schemas.microsoft.com/office/drawing/2014/main" id="{3DB67E16-EFCF-0306-C3B7-86EFB101B26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235562" y="265173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laster</a:t>
            </a:r>
          </a:p>
        </p:txBody>
      </p:sp>
      <p:sp>
        <p:nvSpPr>
          <p:cNvPr id="313" name="OTLSHAPE_SLT_1811b68055294939aa96cef04d1eb711_Duration">
            <a:extLst>
              <a:ext uri="{FF2B5EF4-FFF2-40B4-BE49-F238E27FC236}">
                <a16:creationId xmlns:a16="http://schemas.microsoft.com/office/drawing/2014/main" id="{672F2901-77BA-88EA-1309-D31A873547D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557430" y="280675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0 d</a:t>
            </a:r>
          </a:p>
        </p:txBody>
      </p:sp>
      <p:sp>
        <p:nvSpPr>
          <p:cNvPr id="320" name="OTLSHAPE_SLT_23cee9cf80a44ac5b107b976e7317f69_Title">
            <a:extLst>
              <a:ext uri="{FF2B5EF4-FFF2-40B4-BE49-F238E27FC236}">
                <a16:creationId xmlns:a16="http://schemas.microsoft.com/office/drawing/2014/main" id="{6540FE69-4038-AE86-0166-619842EE252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014733" y="299988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Finish flooring</a:t>
            </a:r>
          </a:p>
        </p:txBody>
      </p:sp>
      <p:sp>
        <p:nvSpPr>
          <p:cNvPr id="321" name="OTLSHAPE_SLT_23cee9cf80a44ac5b107b976e7317f69_Duration">
            <a:extLst>
              <a:ext uri="{FF2B5EF4-FFF2-40B4-BE49-F238E27FC236}">
                <a16:creationId xmlns:a16="http://schemas.microsoft.com/office/drawing/2014/main" id="{396B6E2F-5399-EEC4-FBAB-9BA9B70CC28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453910" y="2999883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3 d</a:t>
            </a:r>
          </a:p>
        </p:txBody>
      </p:sp>
      <p:sp>
        <p:nvSpPr>
          <p:cNvPr id="328" name="OTLSHAPE_SLT_990f1c9f48244da5ab928b94de86f9dd_Duration">
            <a:extLst>
              <a:ext uri="{FF2B5EF4-FFF2-40B4-BE49-F238E27FC236}">
                <a16:creationId xmlns:a16="http://schemas.microsoft.com/office/drawing/2014/main" id="{FD66631E-FE7E-5E2F-97F2-7800F7F8060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740722" y="319300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 d</a:t>
            </a:r>
          </a:p>
        </p:txBody>
      </p:sp>
      <p:sp>
        <p:nvSpPr>
          <p:cNvPr id="329" name="OTLSHAPE_SLT_990f1c9f48244da5ab928b94de86f9dd_Title">
            <a:extLst>
              <a:ext uri="{FF2B5EF4-FFF2-40B4-BE49-F238E27FC236}">
                <a16:creationId xmlns:a16="http://schemas.microsoft.com/office/drawing/2014/main" id="{E68C15E9-79EC-06DD-70D5-A8909EF0CF8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014733" y="3193007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Kitchen fixtures</a:t>
            </a:r>
          </a:p>
        </p:txBody>
      </p:sp>
      <p:sp>
        <p:nvSpPr>
          <p:cNvPr id="336" name="OTLSHAPE_SLT_90317337ad2342f6bb3f18465df1aa2a_Title">
            <a:extLst>
              <a:ext uri="{FF2B5EF4-FFF2-40B4-BE49-F238E27FC236}">
                <a16:creationId xmlns:a16="http://schemas.microsoft.com/office/drawing/2014/main" id="{CD022417-BE46-03CA-9A63-0576AF06301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448799" y="146758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>
                <a:solidFill>
                  <a:schemeClr val="dk1"/>
                </a:solidFill>
                <a:latin typeface="Calibri" panose="020F0502020204030204" pitchFamily="34" charset="0"/>
              </a:rPr>
              <a:t>Paint</a:t>
            </a:r>
          </a:p>
        </p:txBody>
      </p:sp>
      <p:sp>
        <p:nvSpPr>
          <p:cNvPr id="337" name="OTLSHAPE_SLT_90317337ad2342f6bb3f18465df1aa2a_Duration">
            <a:extLst>
              <a:ext uri="{FF2B5EF4-FFF2-40B4-BE49-F238E27FC236}">
                <a16:creationId xmlns:a16="http://schemas.microsoft.com/office/drawing/2014/main" id="{0BCCBF2D-AC14-D9B2-C10E-F07F6DA4F76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887976" y="146758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3 d</a:t>
            </a:r>
          </a:p>
        </p:txBody>
      </p:sp>
      <p:sp>
        <p:nvSpPr>
          <p:cNvPr id="344" name="OTLSHAPE_SLT_bf835c31defb47f892c62b9ef00fa3cd_Duration">
            <a:extLst>
              <a:ext uri="{FF2B5EF4-FFF2-40B4-BE49-F238E27FC236}">
                <a16:creationId xmlns:a16="http://schemas.microsoft.com/office/drawing/2014/main" id="{421C90A8-7F52-87B4-64E0-107BE8D1514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174788" y="173822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 d</a:t>
            </a:r>
          </a:p>
        </p:txBody>
      </p:sp>
      <p:sp>
        <p:nvSpPr>
          <p:cNvPr id="345" name="OTLSHAPE_SLT_bf835c31defb47f892c62b9ef00fa3cd_Title">
            <a:extLst>
              <a:ext uri="{FF2B5EF4-FFF2-40B4-BE49-F238E27FC236}">
                <a16:creationId xmlns:a16="http://schemas.microsoft.com/office/drawing/2014/main" id="{4934B063-3D9E-E3CB-611A-F0655BD7D9E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448799" y="1660710"/>
            <a:ext cx="787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Finish </a:t>
            </a:r>
            <a:b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electrical work</a:t>
            </a:r>
          </a:p>
        </p:txBody>
      </p:sp>
      <p:sp>
        <p:nvSpPr>
          <p:cNvPr id="352" name="OTLSHAPE_SLT_7a05572fa4864f53acf577eb9e00af4b_Title">
            <a:extLst>
              <a:ext uri="{FF2B5EF4-FFF2-40B4-BE49-F238E27FC236}">
                <a16:creationId xmlns:a16="http://schemas.microsoft.com/office/drawing/2014/main" id="{5041505C-8B54-B0C0-2319-1E15E4AFC3B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677320" y="4425161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Finish carpentry</a:t>
            </a:r>
          </a:p>
        </p:txBody>
      </p:sp>
      <p:sp>
        <p:nvSpPr>
          <p:cNvPr id="353" name="OTLSHAPE_SLT_7a05572fa4864f53acf577eb9e00af4b_Duration">
            <a:extLst>
              <a:ext uri="{FF2B5EF4-FFF2-40B4-BE49-F238E27FC236}">
                <a16:creationId xmlns:a16="http://schemas.microsoft.com/office/drawing/2014/main" id="{B66B0773-B4B5-632A-6828-7628A20D1FE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027536" y="458018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3 d</a:t>
            </a:r>
          </a:p>
        </p:txBody>
      </p:sp>
      <p:sp>
        <p:nvSpPr>
          <p:cNvPr id="360" name="OTLSHAPE_SLT_1e66e37118f94e609228d2c11108abcd_Title">
            <a:extLst>
              <a:ext uri="{FF2B5EF4-FFF2-40B4-BE49-F238E27FC236}">
                <a16:creationId xmlns:a16="http://schemas.microsoft.com/office/drawing/2014/main" id="{40019BF8-5C4C-CDCD-44FC-6FA2560F754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398199" y="442516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Varnish floors</a:t>
            </a:r>
          </a:p>
        </p:txBody>
      </p:sp>
      <p:sp>
        <p:nvSpPr>
          <p:cNvPr id="361" name="OTLSHAPE_SLT_1e66e37118f94e609228d2c11108abcd_Duration">
            <a:extLst>
              <a:ext uri="{FF2B5EF4-FFF2-40B4-BE49-F238E27FC236}">
                <a16:creationId xmlns:a16="http://schemas.microsoft.com/office/drawing/2014/main" id="{A37F3A4C-EB38-631A-41C0-99697DEDBE0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605008" y="458018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</a:t>
            </a:r>
          </a:p>
        </p:txBody>
      </p:sp>
      <p:sp>
        <p:nvSpPr>
          <p:cNvPr id="383" name="OTLSHAPE_SLT_f893984f20e548d5bba06add1659cd87_Title">
            <a:extLst>
              <a:ext uri="{FF2B5EF4-FFF2-40B4-BE49-F238E27FC236}">
                <a16:creationId xmlns:a16="http://schemas.microsoft.com/office/drawing/2014/main" id="{2BA9ACB1-F102-C570-BAA7-71B83738834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859789" y="5207566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Brickwork</a:t>
            </a:r>
          </a:p>
        </p:txBody>
      </p:sp>
      <p:sp>
        <p:nvSpPr>
          <p:cNvPr id="384" name="OTLSHAPE_SLT_f893984f20e548d5bba06add1659cd87_Duration">
            <a:extLst>
              <a:ext uri="{FF2B5EF4-FFF2-40B4-BE49-F238E27FC236}">
                <a16:creationId xmlns:a16="http://schemas.microsoft.com/office/drawing/2014/main" id="{433EFB0B-4A26-612D-1D77-9C3690EA492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868745" y="520756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6 d</a:t>
            </a:r>
          </a:p>
        </p:txBody>
      </p:sp>
      <p:sp>
        <p:nvSpPr>
          <p:cNvPr id="391" name="OTLSHAPE_SLT_16d786b2610d478480c6a2af9b97db35_Title">
            <a:extLst>
              <a:ext uri="{FF2B5EF4-FFF2-40B4-BE49-F238E27FC236}">
                <a16:creationId xmlns:a16="http://schemas.microsoft.com/office/drawing/2014/main" id="{32D24240-1EFF-1697-B0BE-08D762A625B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433415" y="540069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Finish roofing </a:t>
            </a:r>
          </a:p>
        </p:txBody>
      </p:sp>
      <p:sp>
        <p:nvSpPr>
          <p:cNvPr id="392" name="OTLSHAPE_SLT_16d786b2610d478480c6a2af9b97db35_Duration">
            <a:extLst>
              <a:ext uri="{FF2B5EF4-FFF2-40B4-BE49-F238E27FC236}">
                <a16:creationId xmlns:a16="http://schemas.microsoft.com/office/drawing/2014/main" id="{C7AFE17F-EAB3-5A2E-3B9A-2090673F059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015998" y="540069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</a:t>
            </a:r>
          </a:p>
        </p:txBody>
      </p:sp>
      <p:sp>
        <p:nvSpPr>
          <p:cNvPr id="399" name="OTLSHAPE_SLT_78ebaf2bbb914873aaffc8d7456db3ee_Title">
            <a:extLst>
              <a:ext uri="{FF2B5EF4-FFF2-40B4-BE49-F238E27FC236}">
                <a16:creationId xmlns:a16="http://schemas.microsoft.com/office/drawing/2014/main" id="{5211D9FE-71A2-206B-D825-2104854DE64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720229" y="55938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>
                <a:solidFill>
                  <a:schemeClr val="dk1"/>
                </a:solidFill>
                <a:latin typeface="Calibri" panose="020F0502020204030204" pitchFamily="34" charset="0"/>
              </a:rPr>
              <a:t>Gutters</a:t>
            </a:r>
          </a:p>
        </p:txBody>
      </p:sp>
      <p:sp>
        <p:nvSpPr>
          <p:cNvPr id="400" name="OTLSHAPE_SLT_78ebaf2bbb914873aaffc8d7456db3ee_Duration">
            <a:extLst>
              <a:ext uri="{FF2B5EF4-FFF2-40B4-BE49-F238E27FC236}">
                <a16:creationId xmlns:a16="http://schemas.microsoft.com/office/drawing/2014/main" id="{20E3FBB9-43DB-8580-CCC0-DADED81DE18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446218" y="559381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1 d</a:t>
            </a:r>
          </a:p>
        </p:txBody>
      </p:sp>
      <p:sp>
        <p:nvSpPr>
          <p:cNvPr id="410" name="OTLSHAPE_SLT_817b063dd0f74d9abbbc470a764e7a62_Title">
            <a:extLst>
              <a:ext uri="{FF2B5EF4-FFF2-40B4-BE49-F238E27FC236}">
                <a16:creationId xmlns:a16="http://schemas.microsoft.com/office/drawing/2014/main" id="{0830EFE3-0B7C-3EE9-7D45-A28056C339B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565284" y="588854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torm drains</a:t>
            </a:r>
          </a:p>
        </p:txBody>
      </p:sp>
      <p:sp>
        <p:nvSpPr>
          <p:cNvPr id="411" name="OTLSHAPE_SLT_817b063dd0f74d9abbbc470a764e7a62_Duration">
            <a:extLst>
              <a:ext uri="{FF2B5EF4-FFF2-40B4-BE49-F238E27FC236}">
                <a16:creationId xmlns:a16="http://schemas.microsoft.com/office/drawing/2014/main" id="{AC7A2323-7598-B1BB-47F6-58C11D0A5B6B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147867" y="588854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</a:t>
            </a:r>
          </a:p>
        </p:txBody>
      </p:sp>
      <p:sp>
        <p:nvSpPr>
          <p:cNvPr id="418" name="OTLSHAPE_SLT_a222b09b772f4a5386d32de21a03bcd5_Title">
            <a:extLst>
              <a:ext uri="{FF2B5EF4-FFF2-40B4-BE49-F238E27FC236}">
                <a16:creationId xmlns:a16="http://schemas.microsoft.com/office/drawing/2014/main" id="{D794AB5D-C3CE-2E8A-AAE6-B8905905D57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293855" y="5888540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Grading</a:t>
            </a:r>
          </a:p>
        </p:txBody>
      </p:sp>
      <p:sp>
        <p:nvSpPr>
          <p:cNvPr id="419" name="OTLSHAPE_SLT_a222b09b772f4a5386d32de21a03bcd5_Duration">
            <a:extLst>
              <a:ext uri="{FF2B5EF4-FFF2-40B4-BE49-F238E27FC236}">
                <a16:creationId xmlns:a16="http://schemas.microsoft.com/office/drawing/2014/main" id="{C485FDFE-9539-3A52-B06B-CFD9B9C7DA4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876438" y="588854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2 d</a:t>
            </a:r>
          </a:p>
        </p:txBody>
      </p:sp>
      <p:sp>
        <p:nvSpPr>
          <p:cNvPr id="426" name="OTLSHAPE_SLT_a46d25cc4c434079ab3bb10ddce6401f_Title">
            <a:extLst>
              <a:ext uri="{FF2B5EF4-FFF2-40B4-BE49-F238E27FC236}">
                <a16:creationId xmlns:a16="http://schemas.microsoft.com/office/drawing/2014/main" id="{887ED100-D28C-7D2C-E8D3-612F3305C8E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727921" y="608166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Landscaping</a:t>
            </a:r>
          </a:p>
        </p:txBody>
      </p:sp>
      <p:sp>
        <p:nvSpPr>
          <p:cNvPr id="427" name="OTLSHAPE_SLT_a46d25cc4c434079ab3bb10ddce6401f_Duration">
            <a:extLst>
              <a:ext uri="{FF2B5EF4-FFF2-40B4-BE49-F238E27FC236}">
                <a16:creationId xmlns:a16="http://schemas.microsoft.com/office/drawing/2014/main" id="{70212502-D7BB-D23D-8F91-4A116076600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880283" y="608166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</a:t>
            </a:r>
          </a:p>
        </p:txBody>
      </p:sp>
      <p:sp>
        <p:nvSpPr>
          <p:cNvPr id="428" name="OTLSHAPE_TB_00000000000000000000000000000000_TimescaleInterval3">
            <a:extLst>
              <a:ext uri="{FF2B5EF4-FFF2-40B4-BE49-F238E27FC236}">
                <a16:creationId xmlns:a16="http://schemas.microsoft.com/office/drawing/2014/main" id="{A3FFFDD1-B2A9-D742-B479-62A6332ACAF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717744" y="615373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429" name="OTLSHAPE_TB_00000000000000000000000000000000_TimescaleInterval4">
            <a:extLst>
              <a:ext uri="{FF2B5EF4-FFF2-40B4-BE49-F238E27FC236}">
                <a16:creationId xmlns:a16="http://schemas.microsoft.com/office/drawing/2014/main" id="{71EFB60F-C947-38AA-CDD2-25D03097017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578184" y="61537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430" name="OTLSHAPE_TB_00000000000000000000000000000000_TimescaleInterval5">
            <a:extLst>
              <a:ext uri="{FF2B5EF4-FFF2-40B4-BE49-F238E27FC236}">
                <a16:creationId xmlns:a16="http://schemas.microsoft.com/office/drawing/2014/main" id="{59D3825C-30C0-9416-FB35-E2D80EFD8B9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438623" y="61537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431" name="OTLSHAPE_TB_00000000000000000000000000000000_TimescaleInterval6">
            <a:extLst>
              <a:ext uri="{FF2B5EF4-FFF2-40B4-BE49-F238E27FC236}">
                <a16:creationId xmlns:a16="http://schemas.microsoft.com/office/drawing/2014/main" id="{E63DDDB9-40C1-E1FE-B0C5-242B6A9C051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299062" y="61537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6</a:t>
            </a:r>
          </a:p>
        </p:txBody>
      </p:sp>
      <p:sp>
        <p:nvSpPr>
          <p:cNvPr id="432" name="OTLSHAPE_TB_00000000000000000000000000000000_TimescaleInterval7">
            <a:extLst>
              <a:ext uri="{FF2B5EF4-FFF2-40B4-BE49-F238E27FC236}">
                <a16:creationId xmlns:a16="http://schemas.microsoft.com/office/drawing/2014/main" id="{7708712B-942E-2F6B-A03E-461D0A028C7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159502" y="61537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457" name="OTLSHAPE_TB_00000000000000000000000000000000_TimescaleInterval8">
            <a:extLst>
              <a:ext uri="{FF2B5EF4-FFF2-40B4-BE49-F238E27FC236}">
                <a16:creationId xmlns:a16="http://schemas.microsoft.com/office/drawing/2014/main" id="{D477D7A9-D7E4-05F4-E11C-F046B0F4760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019941" y="61537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458" name="OTLSHAPE_TB_00000000000000000000000000000000_TimescaleInterval9">
            <a:extLst>
              <a:ext uri="{FF2B5EF4-FFF2-40B4-BE49-F238E27FC236}">
                <a16:creationId xmlns:a16="http://schemas.microsoft.com/office/drawing/2014/main" id="{7C611CDF-87DF-C659-239F-DD2600BB9F1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880380" y="61537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459" name="OTLSHAPE_TB_00000000000000000000000000000000_TimescaleInterval10">
            <a:extLst>
              <a:ext uri="{FF2B5EF4-FFF2-40B4-BE49-F238E27FC236}">
                <a16:creationId xmlns:a16="http://schemas.microsoft.com/office/drawing/2014/main" id="{AEA67BA0-DCF2-1A4D-841D-79844229A31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740820" y="61537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28</a:t>
            </a:r>
          </a:p>
        </p:txBody>
      </p:sp>
      <p:sp>
        <p:nvSpPr>
          <p:cNvPr id="460" name="OTLSHAPE_TB_00000000000000000000000000000000_TimescaleInterval11">
            <a:extLst>
              <a:ext uri="{FF2B5EF4-FFF2-40B4-BE49-F238E27FC236}">
                <a16:creationId xmlns:a16="http://schemas.microsoft.com/office/drawing/2014/main" id="{264A6E70-DBA9-C360-5AA4-AB9E87D182B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601259" y="61537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461" name="OTLSHAPE_TB_00000000000000000000000000000000_TimescaleInterval12">
            <a:extLst>
              <a:ext uri="{FF2B5EF4-FFF2-40B4-BE49-F238E27FC236}">
                <a16:creationId xmlns:a16="http://schemas.microsoft.com/office/drawing/2014/main" id="{548A04C5-5B00-A116-2FDE-231819FD80E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461699" y="615373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34</a:t>
            </a:r>
          </a:p>
        </p:txBody>
      </p:sp>
      <p:sp>
        <p:nvSpPr>
          <p:cNvPr id="463" name="OTLSHAPE_SLM_9036fe79814f42ef850834bd92ff13cc_Title">
            <a:extLst>
              <a:ext uri="{FF2B5EF4-FFF2-40B4-BE49-F238E27FC236}">
                <a16:creationId xmlns:a16="http://schemas.microsoft.com/office/drawing/2014/main" id="{3C6785F2-459F-0C2F-658A-1193C0C1F47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1149625" y="4773311"/>
            <a:ext cx="20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End</a:t>
            </a:r>
          </a:p>
        </p:txBody>
      </p:sp>
      <p:sp>
        <p:nvSpPr>
          <p:cNvPr id="464" name="OTLSHAPE_SLM_9036fe79814f42ef850834bd92ff13cc_Date">
            <a:extLst>
              <a:ext uri="{FF2B5EF4-FFF2-40B4-BE49-F238E27FC236}">
                <a16:creationId xmlns:a16="http://schemas.microsoft.com/office/drawing/2014/main" id="{9BE1953F-5F8B-CBD3-BA41-855EEFA56CB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1149625" y="4928335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2"/>
                </a:solidFill>
                <a:latin typeface="Calibri" panose="020F0502020204030204" pitchFamily="34" charset="0"/>
              </a:rPr>
              <a:t>May 7</a:t>
            </a:r>
          </a:p>
        </p:txBody>
      </p:sp>
      <p:cxnSp>
        <p:nvCxnSpPr>
          <p:cNvPr id="499" name="OTLSHAPE_TB_00000000000000000000000000000000_Separator1">
            <a:extLst>
              <a:ext uri="{FF2B5EF4-FFF2-40B4-BE49-F238E27FC236}">
                <a16:creationId xmlns:a16="http://schemas.microsoft.com/office/drawing/2014/main" id="{0E345233-AF2A-CA1C-4243-5C9840F6E572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1793801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" name="OTLSHAPE_TB_00000000000000000000000000000000_Separator2">
            <a:extLst>
              <a:ext uri="{FF2B5EF4-FFF2-40B4-BE49-F238E27FC236}">
                <a16:creationId xmlns:a16="http://schemas.microsoft.com/office/drawing/2014/main" id="{E9121A4B-454D-1C28-D088-3C3F34418D12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2654241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" name="OTLSHAPE_TB_00000000000000000000000000000000_Separator3">
            <a:extLst>
              <a:ext uri="{FF2B5EF4-FFF2-40B4-BE49-F238E27FC236}">
                <a16:creationId xmlns:a16="http://schemas.microsoft.com/office/drawing/2014/main" id="{DB482B0D-ECC7-D224-435A-62D4DC333BE3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3514680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" name="OTLSHAPE_TB_00000000000000000000000000000000_Separator4">
            <a:extLst>
              <a:ext uri="{FF2B5EF4-FFF2-40B4-BE49-F238E27FC236}">
                <a16:creationId xmlns:a16="http://schemas.microsoft.com/office/drawing/2014/main" id="{A9357DE4-C5D3-A140-2FCB-0E85132F2761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4375119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" name="OTLSHAPE_TB_00000000000000000000000000000000_Separator5">
            <a:extLst>
              <a:ext uri="{FF2B5EF4-FFF2-40B4-BE49-F238E27FC236}">
                <a16:creationId xmlns:a16="http://schemas.microsoft.com/office/drawing/2014/main" id="{99E315C3-F346-BDF9-DFA1-8C71C32B2F36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5235559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" name="OTLSHAPE_TB_00000000000000000000000000000000_Separator6">
            <a:extLst>
              <a:ext uri="{FF2B5EF4-FFF2-40B4-BE49-F238E27FC236}">
                <a16:creationId xmlns:a16="http://schemas.microsoft.com/office/drawing/2014/main" id="{F3A3F6B9-EC90-F3ED-03D4-64D599A15D81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6095998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" name="OTLSHAPE_TB_00000000000000000000000000000000_Separator7">
            <a:extLst>
              <a:ext uri="{FF2B5EF4-FFF2-40B4-BE49-F238E27FC236}">
                <a16:creationId xmlns:a16="http://schemas.microsoft.com/office/drawing/2014/main" id="{3B477108-6D9C-A73E-77E9-0D3644E821EE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6956437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" name="OTLSHAPE_TB_00000000000000000000000000000000_Separator8">
            <a:extLst>
              <a:ext uri="{FF2B5EF4-FFF2-40B4-BE49-F238E27FC236}">
                <a16:creationId xmlns:a16="http://schemas.microsoft.com/office/drawing/2014/main" id="{DB6C6B08-7D06-E8B0-65CC-C52A5E778543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7816877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" name="OTLSHAPE_TB_00000000000000000000000000000000_Separator9">
            <a:extLst>
              <a:ext uri="{FF2B5EF4-FFF2-40B4-BE49-F238E27FC236}">
                <a16:creationId xmlns:a16="http://schemas.microsoft.com/office/drawing/2014/main" id="{111F071C-55C1-29A1-8C50-CAA1E9C7A53D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8677317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" name="OTLSHAPE_TB_00000000000000000000000000000000_Separator10">
            <a:extLst>
              <a:ext uri="{FF2B5EF4-FFF2-40B4-BE49-F238E27FC236}">
                <a16:creationId xmlns:a16="http://schemas.microsoft.com/office/drawing/2014/main" id="{B44C254F-C819-1179-30EC-44D31F3D7353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9537756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" name="OTLSHAPE_TB_00000000000000000000000000000000_Separator11">
            <a:extLst>
              <a:ext uri="{FF2B5EF4-FFF2-40B4-BE49-F238E27FC236}">
                <a16:creationId xmlns:a16="http://schemas.microsoft.com/office/drawing/2014/main" id="{F03839E4-51FC-8DD6-8259-9898D2227721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10398196" y="56588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" name="OTLSHAPE_D_6515f6b2c46e4cdfbb359c7a857ed4ea_Line">
            <a:extLst>
              <a:ext uri="{FF2B5EF4-FFF2-40B4-BE49-F238E27FC236}">
                <a16:creationId xmlns:a16="http://schemas.microsoft.com/office/drawing/2014/main" id="{C6CBB288-F888-3125-3806-9EA1D70A1AC8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1116835" y="3762010"/>
            <a:ext cx="103344" cy="161291"/>
          </a:xfrm>
          <a:custGeom>
            <a:avLst/>
            <a:gdLst/>
            <a:ahLst/>
            <a:cxnLst/>
            <a:rect l="0" t="0" r="0" b="0"/>
            <a:pathLst>
              <a:path w="103344" h="161291">
                <a:moveTo>
                  <a:pt x="103144" y="0"/>
                </a:moveTo>
                <a:lnTo>
                  <a:pt x="103144" y="52027"/>
                </a:lnTo>
                <a:lnTo>
                  <a:pt x="0" y="52027"/>
                </a:lnTo>
                <a:lnTo>
                  <a:pt x="0" y="161290"/>
                </a:lnTo>
                <a:lnTo>
                  <a:pt x="103343" y="16129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D_9c440dd648f74b02b2517ce36c5f7a85_Line">
            <a:extLst>
              <a:ext uri="{FF2B5EF4-FFF2-40B4-BE49-F238E27FC236}">
                <a16:creationId xmlns:a16="http://schemas.microsoft.com/office/drawing/2014/main" id="{12D15393-BBAE-5BB3-A3E0-36BB78D40158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2264087" y="3923300"/>
            <a:ext cx="160296" cy="193125"/>
          </a:xfrm>
          <a:custGeom>
            <a:avLst/>
            <a:gdLst/>
            <a:ahLst/>
            <a:cxnLst/>
            <a:rect l="0" t="0" r="0" b="0"/>
            <a:pathLst>
              <a:path w="160296" h="193125">
                <a:moveTo>
                  <a:pt x="103145" y="0"/>
                </a:moveTo>
                <a:lnTo>
                  <a:pt x="160295" y="0"/>
                </a:lnTo>
                <a:lnTo>
                  <a:pt x="160295" y="96562"/>
                </a:lnTo>
                <a:lnTo>
                  <a:pt x="0" y="96562"/>
                </a:lnTo>
                <a:lnTo>
                  <a:pt x="0" y="193124"/>
                </a:lnTo>
                <a:lnTo>
                  <a:pt x="103344" y="193124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D_d3248c4d170e471096babb8a6cdf8a59_Line">
            <a:extLst>
              <a:ext uri="{FF2B5EF4-FFF2-40B4-BE49-F238E27FC236}">
                <a16:creationId xmlns:a16="http://schemas.microsoft.com/office/drawing/2014/main" id="{9FA5A04C-EBA4-E9EE-CD49-756A4781153A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2837713" y="4116424"/>
            <a:ext cx="160296" cy="193126"/>
          </a:xfrm>
          <a:custGeom>
            <a:avLst/>
            <a:gdLst/>
            <a:ahLst/>
            <a:cxnLst/>
            <a:rect l="0" t="0" r="0" b="0"/>
            <a:pathLst>
              <a:path w="160296" h="193126">
                <a:moveTo>
                  <a:pt x="103145" y="0"/>
                </a:moveTo>
                <a:lnTo>
                  <a:pt x="160295" y="0"/>
                </a:lnTo>
                <a:lnTo>
                  <a:pt x="160295" y="96563"/>
                </a:lnTo>
                <a:lnTo>
                  <a:pt x="0" y="96563"/>
                </a:lnTo>
                <a:lnTo>
                  <a:pt x="0" y="193125"/>
                </a:lnTo>
                <a:lnTo>
                  <a:pt x="103344" y="193125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D_170c44535fde4296879acdbc88abe479_Line">
            <a:extLst>
              <a:ext uri="{FF2B5EF4-FFF2-40B4-BE49-F238E27FC236}">
                <a16:creationId xmlns:a16="http://schemas.microsoft.com/office/drawing/2014/main" id="{32789914-9FD8-A392-D155-AE11F4CCC6CD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3984966" y="2536121"/>
            <a:ext cx="103345" cy="1695917"/>
          </a:xfrm>
          <a:custGeom>
            <a:avLst/>
            <a:gdLst/>
            <a:ahLst/>
            <a:cxnLst/>
            <a:rect l="0" t="0" r="0" b="0"/>
            <a:pathLst>
              <a:path w="103345" h="1695917">
                <a:moveTo>
                  <a:pt x="25632" y="1695916"/>
                </a:moveTo>
                <a:lnTo>
                  <a:pt x="25632" y="1676866"/>
                </a:lnTo>
                <a:lnTo>
                  <a:pt x="0" y="1676866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D_a1438ce2c36145f899e771b57335bba2_Line">
            <a:extLst>
              <a:ext uri="{FF2B5EF4-FFF2-40B4-BE49-F238E27FC236}">
                <a16:creationId xmlns:a16="http://schemas.microsoft.com/office/drawing/2014/main" id="{79AF9AD4-D739-3965-A365-25DC367D3C10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5132219" y="2536121"/>
            <a:ext cx="160295" cy="348150"/>
          </a:xfrm>
          <a:custGeom>
            <a:avLst/>
            <a:gdLst/>
            <a:ahLst/>
            <a:cxnLst/>
            <a:rect l="0" t="0" r="0" b="0"/>
            <a:pathLst>
              <a:path w="160295" h="348150">
                <a:moveTo>
                  <a:pt x="103144" y="0"/>
                </a:moveTo>
                <a:lnTo>
                  <a:pt x="160294" y="0"/>
                </a:lnTo>
                <a:lnTo>
                  <a:pt x="160294" y="96562"/>
                </a:lnTo>
                <a:lnTo>
                  <a:pt x="0" y="96562"/>
                </a:lnTo>
                <a:lnTo>
                  <a:pt x="0" y="348149"/>
                </a:lnTo>
                <a:lnTo>
                  <a:pt x="103343" y="348149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D_784bb339489749498467703fd62db448_Line">
            <a:extLst>
              <a:ext uri="{FF2B5EF4-FFF2-40B4-BE49-F238E27FC236}">
                <a16:creationId xmlns:a16="http://schemas.microsoft.com/office/drawing/2014/main" id="{A85A957E-C65E-53FF-A395-629CED0C9B2E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8000350" y="2884270"/>
            <a:ext cx="160296" cy="193126"/>
          </a:xfrm>
          <a:custGeom>
            <a:avLst/>
            <a:gdLst/>
            <a:ahLst/>
            <a:cxnLst/>
            <a:rect l="0" t="0" r="0" b="0"/>
            <a:pathLst>
              <a:path w="160296" h="193126">
                <a:moveTo>
                  <a:pt x="103145" y="0"/>
                </a:moveTo>
                <a:lnTo>
                  <a:pt x="160295" y="0"/>
                </a:lnTo>
                <a:lnTo>
                  <a:pt x="160295" y="96563"/>
                </a:lnTo>
                <a:lnTo>
                  <a:pt x="0" y="96563"/>
                </a:lnTo>
                <a:lnTo>
                  <a:pt x="0" y="193125"/>
                </a:lnTo>
                <a:lnTo>
                  <a:pt x="103344" y="193125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D_b1ca466fca8e4b7d849892477da29ed6_Line">
            <a:extLst>
              <a:ext uri="{FF2B5EF4-FFF2-40B4-BE49-F238E27FC236}">
                <a16:creationId xmlns:a16="http://schemas.microsoft.com/office/drawing/2014/main" id="{CA691992-E039-D1B0-1E00-4F206E078137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8860789" y="1202198"/>
            <a:ext cx="103345" cy="1797686"/>
          </a:xfrm>
          <a:custGeom>
            <a:avLst/>
            <a:gdLst/>
            <a:ahLst/>
            <a:cxnLst/>
            <a:rect l="0" t="0" r="0" b="0"/>
            <a:pathLst>
              <a:path w="103345" h="1797686">
                <a:moveTo>
                  <a:pt x="25632" y="1797685"/>
                </a:moveTo>
                <a:lnTo>
                  <a:pt x="25632" y="1778635"/>
                </a:lnTo>
                <a:lnTo>
                  <a:pt x="0" y="1778635"/>
                </a:lnTo>
                <a:lnTo>
                  <a:pt x="0" y="0"/>
                </a:lnTo>
                <a:lnTo>
                  <a:pt x="103344" y="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D_5f0d0ce9bb664260ba9f21afd61d3ef1_Line">
            <a:extLst>
              <a:ext uri="{FF2B5EF4-FFF2-40B4-BE49-F238E27FC236}">
                <a16:creationId xmlns:a16="http://schemas.microsoft.com/office/drawing/2014/main" id="{7EE596C1-11FE-058C-3F1C-0E1BD908B451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9434416" y="1202198"/>
            <a:ext cx="160295" cy="342901"/>
          </a:xfrm>
          <a:custGeom>
            <a:avLst/>
            <a:gdLst/>
            <a:ahLst/>
            <a:cxnLst/>
            <a:rect l="0" t="0" r="0" b="0"/>
            <a:pathLst>
              <a:path w="160295" h="342901">
                <a:moveTo>
                  <a:pt x="103144" y="0"/>
                </a:moveTo>
                <a:lnTo>
                  <a:pt x="160294" y="0"/>
                </a:lnTo>
                <a:lnTo>
                  <a:pt x="160294" y="120650"/>
                </a:lnTo>
                <a:lnTo>
                  <a:pt x="0" y="120650"/>
                </a:lnTo>
                <a:lnTo>
                  <a:pt x="0" y="342900"/>
                </a:lnTo>
                <a:lnTo>
                  <a:pt x="103343" y="34290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D_6689ce40430244988b415117296bfcf4_Line">
            <a:extLst>
              <a:ext uri="{FF2B5EF4-FFF2-40B4-BE49-F238E27FC236}">
                <a16:creationId xmlns:a16="http://schemas.microsoft.com/office/drawing/2014/main" id="{6FB20971-B83B-27B4-53C7-508CCA4DC78E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10294855" y="1622610"/>
            <a:ext cx="103345" cy="3035089"/>
          </a:xfrm>
          <a:custGeom>
            <a:avLst/>
            <a:gdLst/>
            <a:ahLst/>
            <a:cxnLst/>
            <a:rect l="0" t="0" r="0" b="0"/>
            <a:pathLst>
              <a:path w="103345" h="3035089">
                <a:moveTo>
                  <a:pt x="25632" y="0"/>
                </a:moveTo>
                <a:lnTo>
                  <a:pt x="25632" y="19050"/>
                </a:lnTo>
                <a:lnTo>
                  <a:pt x="0" y="19050"/>
                </a:lnTo>
                <a:lnTo>
                  <a:pt x="0" y="3035088"/>
                </a:lnTo>
                <a:lnTo>
                  <a:pt x="103344" y="3035088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" name="OTLSHAPE_D_0527cf4977f64cb49caa7c84ef72a383_Line">
            <a:extLst>
              <a:ext uri="{FF2B5EF4-FFF2-40B4-BE49-F238E27FC236}">
                <a16:creationId xmlns:a16="http://schemas.microsoft.com/office/drawing/2014/main" id="{F822A612-AF8F-6ED6-AD0A-A033BE78A43C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10971626" y="4657698"/>
            <a:ext cx="57151" cy="135891"/>
          </a:xfrm>
          <a:custGeom>
            <a:avLst/>
            <a:gdLst/>
            <a:ahLst/>
            <a:cxnLst/>
            <a:rect l="0" t="0" r="0" b="0"/>
            <a:pathLst>
              <a:path w="57151" h="135891">
                <a:moveTo>
                  <a:pt x="0" y="0"/>
                </a:moveTo>
                <a:lnTo>
                  <a:pt x="57150" y="0"/>
                </a:lnTo>
                <a:lnTo>
                  <a:pt x="57150" y="96563"/>
                </a:lnTo>
                <a:lnTo>
                  <a:pt x="199" y="96563"/>
                </a:lnTo>
                <a:lnTo>
                  <a:pt x="199" y="80458"/>
                </a:lnTo>
                <a:lnTo>
                  <a:pt x="199" y="135890"/>
                </a:lnTo>
              </a:path>
            </a:pathLst>
          </a:custGeom>
          <a:ln w="12700" cap="flat" cmpd="sng" algn="ctr">
            <a:solidFill>
              <a:srgbClr val="DE3232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 descr="Icon&#10;&#10;Description automatically generated">
            <a:extLst>
              <a:ext uri="{FF2B5EF4-FFF2-40B4-BE49-F238E27FC236}">
                <a16:creationId xmlns:a16="http://schemas.microsoft.com/office/drawing/2014/main" id="{F25415C7-E75A-0D3D-9060-D511BEF94E3E}"/>
              </a:ext>
            </a:extLst>
          </p:cNvPr>
          <p:cNvPicPr>
            <a:picLocks noChangeAspect="1"/>
          </p:cNvPicPr>
          <p:nvPr/>
        </p:nvPicPr>
        <p:blipFill>
          <a:blip r:embed="rId1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38304" y="6373083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4354256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0LTMwVDAwOjAwOjAwIiwiRW5kRGF0ZSI6IjIwMjMtMDUtMDFUMjM6NTk6MDAiLCJQZXJjZW50YWdlQ29tcGxldGUiOm51bGwsIlN0eWxlIjp7IiRpZCI6IjciLCJTaGFwZSI6MiwiU2hhcGVUaGlja25lc3MiOjAsIkR1cmF0aW9uRm9ybWF0IjoxMywiSW5jbHVkZU5vbldvcmtpbmdEYXlzSW5EdXJhdGlvbiI6ZmFsc2UsIlBlcmNlbnRhZ2VDb21wbGV0ZVN0eWxlIjp7IiRpZCI6IjgiLCJGb250U2V0dGluZ3MiOnsiJGlkIjoiOSIsIkZvbnRTaXplIjo5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jU1LCJHIjoyNTUsIkIiOjI1N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w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I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xNjUsIkciOjE2NSwiQiI6MTY1fX0sIklzVmlzaWJsZSI6dHJ1ZSwiV2lkdGgiOjAuMCwiSGVpZ2h0IjoxMC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wLCJGb250TmFtZSI6IkNhbGlicmkiLCJJc0JvbGQiOnRydW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k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dHJ1ZSwiV2lkdGgiOjAuMCwiSGVpZ2h0IjowLjAsIkJvcmRlclN0eWxlIjp7IiRpZCI6Ijc0IiwiTGluZUNvbG9yIjpudWxsLCJMaW5lV2VpZ2h0IjowLjAsIkxpbmVUeXBlIjowLCJQYXJlbnRTdHlsZSI6bnVsbH0sIlBhcmVudFN0eWxlIjpudWxsfSwiRHVyYXRpb25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Ib3Jpem9udGFsQ29ubmVjdG9yU3R5bGUiOnsiJGlkIjoiODQiLCJMaW5lQ29sb3IiOnsiJGlkIjoiODUiLCIkdHlwZSI6Ik5MUkUuQ29tbW9uLkRvbS5Tb2xpZENvbG9yQnJ1c2gsIE5MUkUuQ29tbW9uIiwiQ29sb3IiOnsiJGlkIjoiODYiLCJBIjoyNTUsIlIiOjIwNCwiRyI6MjA0LCJCIjoyMDR9fSwiTGluZVdlaWdodCI6MC4wLCJMaW5lVHlwZSI6MCwiUGFyZW50U3R5bGUiOm51bGx9LCJWZXJ0aWNhbENvbm5lY3RvclN0eWxlIjp7IiRpZCI6Ijg3IiwiTGluZUNvbG9yIjp7IiRpZCI6Ijg4IiwiJHR5cGUiOiJOTFJFLkNvbW1vbi5Eb20uU29saWRDb2xvckJydXNoLCBOTFJFLkNvbW1vbiIsIkNvbG9yIjp7IiRpZCI6Ijg5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pZCI6IjExNCIsIkEiOjAsIlIiOjI1NSwiRyI6MjU1LCJCIjoyNTV9fSwiSXNWaXNpYmxlIjp0cnVlLCJXaWR0aCI6MC4wLCJIZWlnaHQiOjAuMCwiQm9yZGVyU3R5bGUiOnsiJGlkIjoiMTE1IiwiTGluZUNvbG9yIjpudWxsLCJMaW5lV2VpZ2h0IjowLjAsIkxpbmVUeXBlIjowLCJQYXJlbnRTdHlsZSI6bnVsbH0sIlBhcmVudFN0eWxlIjpudWxsfSwiRGF0ZUZvcm1hdCI6eyIkaWQiOiIxM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ODgiLCJUb3AiOjAuMCwiTGVmdCI6MC4wLCJSaWdodCI6MC4wLCJCb3R0b20iOjAuMH0sIlBhZGRpbmciOnsiJGlkIjoiMTg5IiwiVG9wIjowLjAsIkxlZnQiOjAuMCwiUmlnaHQiOjAuMCwiQm90dG9tIjowLjB9LCJCYWNrZ3JvdW5kIjp7IiRpZCI6IjE5MCIsIkNvbG9yIjp7IiRpZCI6IjE5MSIsIkEiOjg5LCJSIjowLCJHIjowLCJCIjowfX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IwIiwiVG9wIjowLjAsIkxlZnQiOjAuMCwiUmlnaHQiOjAuMCwiQm90dG9tIjowLjB9LCJQYWRkaW5nIjp7IiRpZCI6IjIyMSIsIlRvcCI6MC4wLCJMZWZ0IjowLjAsIlJpZ2h0IjowLjAsIkJvdHRvbSI6MC4wfSwiQmFja2dyb3VuZCI6eyIkaWQiOiIyMjIiLCJDb2xvciI6eyIkaWQiOiIyMjMiLCJBIjowLCJSIjoyNTUsIkciOjI1NSwiQiI6MjU1fX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ksIkZvbnROYW1lIjoiQ2FsaWJyaSIsIklzQm9sZCI6ZmFsc2UsIklzSXRhbGljIjpmYWxzZSwiSXNVbmRlcmxpbmVkIjpmYWxzZSwiUGFyZW50U3R5bGUiOm51bGx9LCJBdXRvU2l6ZSI6MCwiRm9yZWdyb3VuZCI6eyIkaWQiOiIyMjciLCJDb2xvciI6eyIkaWQiOiIy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pZCI6IjI1MCIsIkEiOjg5LCJSIjowLCJHIjowLCJCIjowfX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pZCI6IjI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2MyIsIlRvcCI6MC4wLCJMZWZ0IjowLjAsIlJpZ2h0IjowLjAsIkJvdHRvbSI6MC4wfSwiUGFkZGluZyI6eyIkaWQiOiIzNjQiLCJUb3AiOjAuMCwiTGVmdCI6MC4wLCJSaWdodCI6MC4wLCJCb3R0b20iOjAuMH0sIkJhY2tncm91bmQiOnsiJGlkIjoiMzY1IiwiQ29sb3IiOnsiJGlkIjoiMzY2IiwiQSI6ODksIlIiOjAsIkciOjAsIkIiOjB9fSwiSXNWaXNpYmxlIjp0cnVlLCJXaWR0aCI6MC4wLCJIZWlnaHQiOjAuMCwiQm9yZGVyU3R5bGUiOnsiJGlkIjoiMzY3IiwiTGluZUNvbG9yIjpudWxsLCJMaW5lV2VpZ2h0IjowLjAsIkxpbmVUeXBlIjowLCJQYXJlbnRTdHlsZSI6bnVsbH0sIlBhcmVudFN0eWxlIjpudWxsfSwiRHVyYXRpb25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OTUiLCJUb3AiOjAuMCwiTGVmdCI6MC4wLCJSaWdodCI6MC4wLCJCb3R0b20iOjAuMH0sIlBhZGRpbmciOnsiJGlkIjoiMzk2IiwiVG9wIjowLjAsIkxlZnQiOjAuMCwiUmlnaHQiOjAuMCwiQm90dG9tIjowLjB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OSwiRm9udE5hbWUiOiJDYWxpYnJpIiwiSXNCb2xkIjpmYWxzZSwiSXNJdGFsaWMiOmZhbHNlLCJJc1VuZGVybGluZWQiOmZhbHNlLCJQYXJlbnRTdHlsZSI6bnVsbH0sIkF1dG9TaXplIjowLCJGb3JlZ3JvdW5kIjp7IiRpZCI6IjQwMiIsIkNvbG9yIjp7IiRpZCI6IjQ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TM5IiwiVG9wIjowLjAsIkxlZnQiOjAuMCwiUmlnaHQiOjAuMCwiQm90dG9tIjowLjB9LCJQYWRkaW5nIjp7IiRpZCI6IjU0MCIsIlRvcCI6MC4wLCJMZWZ0IjowLjAsIlJpZ2h0IjowLjAsIkJvdHRvbSI6MC4wfSwiQmFja2dyb3VuZCI6eyIkaWQiOiI1NDEiLCJDb2xvciI6eyIkaWQiOiI1NDIiLCJBIjo4OSwiUiI6MCwiRyI6MCwiQiI6MH1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MTAsIkZvbnROYW1lIjoiQ2FsaWJyaSIsIklzQm9sZCI6ZmFsc2UsIklzSXRhbGljIjpmYWxzZSwiSXNVbmRlcmxpbmVkIjpmYWxzZSwiUGFyZW50U3R5bGUiOm51bGx9LCJBdXRvU2l6ZSI6MCwiRm9yZWdyb3VuZCI6eyIkaWQiOiI1NDYiLCJDb2xvciI6eyIkaWQiOiI1N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hvcml6b250YWxDb25uZWN0b3JTdHlsZSI6eyIkaWQiOiI1NTMiLCJMaW5lQ29sb3IiOnsiJGlkIjoiNTU0IiwiJHR5cGUiOiJOTFJFLkNvbW1vbi5Eb20uU29saWRDb2xvckJydXNoLCBOTFJFLkNvbW1vbiIsIkNvbG9yIjp7IiRpZCI6IjU1NSIsIkEiOjI1NSwiUiI6MjA0LCJHIjoyMDQsIkIiOjIwNH19LCJMaW5lV2VpZ2h0IjowLjAsIkxpbmVUeXBlIjowLCJQYXJlbnRTdHlsZSI6bnVsbH0sIlZlcnRpY2FsQ29ubmVjdG9yU3R5bGUiOnsiJGlkIjoiNTU2IiwiTGluZUNvbG9yIjp7IiRpZCI6IjU1NyIsIiR0eXBlIjoiTkxSRS5Db21tb24uRG9tLlNvbGlkQ29sb3JCcnVzaCwgTkxSRS5Db21tb24iLCJDb2xvciI6eyIkaWQiOiI1NTg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AsIlIiOjI1NSwiRyI6MjU1LCJCIjoyNTV9fSwiSXNWaXNpYmxlIjp0cnVlLCJXaWR0aCI6MC4wLCJIZWlnaHQiOjAuMCwiQm9yZGVyU3R5bGUiOnsiJGlkIjoiNTg0IiwiTGluZUNvbG9yIjpudWxsLCJMaW5lV2VpZ2h0IjowLjAsIkxpbmVUeXBlIjowLCJQYXJlbnRTdHlsZSI6bnVsbH0sIlBhcmVudFN0eWxlIjpudWxsfSwiRGF0ZUZvcm1hdCI6eyIkaWQiOiI1O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GlkIjoiNzgzIiwiQSI6MCwiUiI6MjU1LCJHIjoyNTUsIkIiOjI1NX19LCJJc1Zpc2libGUiOnRydWUsIldpZHRoIjowLjAsIkhlaWdodCI6MC4wLCJCb3JkZXJTdHlsZSI6bnVsbCwiUGFyZW50U3R5bGUiOm51bGx9LCJEYXRlU3R5bGUiOnsiJGlkIjoiNzg0IiwiRm9udFNldHRpbmdzIjp7IiRpZCI6Ijc4NSIsIkZvbnRTaXplIjo5LCJGb250TmFtZSI6IkNhbGlicmkiLCJJc0JvbGQiOmZhbHNlLCJJc0l0YWxpYyI6ZmFsc2UsIklzVW5kZXJsaW5lZCI6ZmFsc2UsIlBhcmVudFN0eWxlIjpudWxsfSwiQXV0b1NpemUiOjAsIkZvcmVncm91bmQiOnsiJGlkIjoiNzg2IiwiQ29sb3IiOnsiJGlkIjoiN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giLCJUb3AiOjAuMCwiTGVmdCI6MC4wLCJSaWdodCI6MC4wLCJCb3R0b20iOjAuMH0sIlBhZGRpbmciOnsiJGlkIjoiNzg5IiwiVG9wIjowLjAsIkxlZnQiOjAuMCwiUmlnaHQiOjAuMCwiQm90dG9tIjowLjB9LCJCYWNrZ3JvdW5kIjp7IiRpZCI6Ijc5MCIsIkNvbG9yIjp7IiRpZCI6Ijc5MSIsIkEiOjAsIlIiOjI1NSwiRyI6MjU1LCJCIjoyNTV9fSwiSXNWaXNpYmxlIjp0cnVlLCJXaWR0aCI6MC4wLCJIZWlnaHQiOjAuMCwiQm9yZGVyU3R5bGUiOm51bGwsIlBhcmVudFN0eWxlIjpudWxsfSwiRGF0ZUZvcm1hdCI6eyIkaWQiOiI3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TMiLCJEYXRlUGFydElzVmlzaWJsZSI6ZmFsc2UsIlRpbWVQYXJ0SXNWaXNpYmxlIjpmYWxzZX19LCJXZWVrTnVtYmVyaW5nIjp7IiRpZCI6Ijc5NC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UzIiwiVG9wIjowLjAsIkxlZnQiOjAuMCwiUmlnaHQiOjAuMCwiQm90dG9tIjowLjB9LCJQYWRkaW5nIjp7IiRpZCI6Ijk1NCIsIlRvcCI6MC4wLCJMZWZ0IjowLjAsIlJpZ2h0IjowLjAsIkJvdHRvbSI6MC4wfSwiQmFja2dyb3VuZCI6eyIkaWQiOiI5NTUiLCJDb2xvciI6eyIkaWQiOiI5NTYiLCJBIjowLCJSIjoyNTUsIkciOjI1NSwiQiI6MjU1fX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ksIkZvbnROYW1lIjoiQ2FsaWJyaSIsIklzQm9sZCI6ZmFsc2UsIklzSXRhbGljIjpmYWxzZSwiSXNVbmRlcmxpbmVkIjpmYWxzZSwiUGFyZW50U3R5bGUiOm51bGx9LCJBdXRvU2l6ZSI6MCwiRm9yZWdyb3VuZCI6eyIkaWQiOiI5NjAiLCJDb2xvciI6eyIkaWQiOiI5N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4In0sIlBhZGRpbmciOnsiJHJlZiI6Ijc4OSJ9LCJCYWNrZ3JvdW5kIjp7IiRpZCI6IjExNjYiLCJDb2xvciI6eyIkaWQiOiIxMTY3IiwiQSI6MCwiUiI6MjU1LCJHIjoyNTUsIkIiOjI1NX19LCJJc1Zpc2libGUiOnRydWUsIldpZHRoIjowLjAsIkhlaWdodCI6MC4wLCJCb3JkZXJTdHlsZSI6bnVsbCwiUGFyZW50U3R5bGUiOm51bGx9LCJEYXRlRm9ybWF0Ijp7IiRpZCI6IjExNj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zkzIn19LCJXZWVrTnVtYmVyaW5nIjp7IiRpZCI6IjExNjk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4In0sIlBhZGRpbmciOnsiJHJlZiI6Ijc4OSJ9LCJCYWNrZ3JvdW5kIjp7IiRpZCI6IjE4MjEiLCJDb2xvciI6eyIkaWQiOiIxODIyIiwiQSI6ODksIlIiOjAsIkciOjAsIkIiOjB9fSwiSXNWaXNpYmxlIjp0cnVlLCJXaWR0aCI6MC4wLCJIZWlnaHQiOjAuMCwiQm9yZGVyU3R5bGUiOm51bGwsIlBhcmVudFN0eWxlIjpudWxsfSwiRGF0ZUZvcm1hdCI6eyIkaWQiOiIxODI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NjkiLCJUb3AiOjAuMCwiTGVmdCI6MC4wLCJSaWdodCI6MC4wLCJCb3R0b20iOjAuMH0sIlBhZGRpbmciOnsiJGlkIjoiMTg3MCIsIlRvcCI6MC4wLCJMZWZ0IjowLjAsIlJpZ2h0IjowLjAsIkJvdHRvbSI6MC4wfSwiQmFja2dyb3VuZCI6eyIkaWQiOiIxODcxIiwiQ29sb3IiOnsiJGlkIjoiMTg3MiIsIkEiOjg5LCJSIjowLCJHIjowLCJCIjowfX0sIklzVmlzaWJsZSI6dHJ1ZSwiV2lkdGgiOjAuMCwiSGVpZ2h0IjowLjAsIkJvcmRlclN0eWxlIjpudWxsLCJQYXJlbnRTdHlsZSI6bnVsbH0sIkRhdGVGb3JtYXQiOnsiJGlkIjoiMTg3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NzQiLCJEYXRlUGFydElzVmlzaWJsZSI6ZmFsc2UsIlRpbWVQYXJ0SXNWaXNpYmxlIjpmYWxzZX19LCJXZWVrTnVtYmVyaW5nIjp7IiRpZCI6IjE4NzUiLCJGb3JtYXQiOjAsIklzVmlzaWJsZSI6ZmFsc2UsIkxhc3RLbm93blZpc2liaWxpdHlTdGF0ZSI6ZmFsc2V9LCJJc1Zpc2libGUiOnRydWUsIlBhcmVudFN0eWxlIjpudWxsLCJfZXhwbGljaXRseVNldCI6eyIkaWQiOiIxODc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fSxcIkNyaXRpY2FsUGF0aFN0eWxlXCI6e1wiJGlkXCI6XCIxOTVcIixcIkNyaXRpY2FsUGF0aFN0eWxlT3B0aW9uc1wiOjEx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fSwiU2V0dGluZ3MiOnsiJGlkIjoiMTkwMCIsIkltcGFPcHRpb25zIjpudWxs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5MDEiLCJVc2VUaW1lIjpmYWxzZSwiV29ya0RheVN0YXJ0IjoiMDA6MDA6MDAiLCJXb3JrRGF5RW5kIjoiMjM6NTk6MDAifSwiTGFzdFVzZWRUZW1wbGF0ZUlkIjoiYzhkZDk2MzctODljYy00ZGM5LTk1NDAtZWE0Y2YyYzk1Njk4IiwiRmlyc3RXZWVrT2ZZZWFyIjowLCJQbGFjZU1pbGVzdG9uZUF0VGhlQmVnaW5uaW5nT2ZUaGVEYXkiOmZhbHNlLCJEZXBlbmRlbmN5U2NoZWR1bGluZ1NldHRpbmdzIjp7IiRpZCI6IjE5MDI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Bottom"/>
  <p:tag name="OTLDEPDESTINATIONKIND" val="Side"/>
  <p:tag name="OTLDEPSOURCEID" val="48558b85-76a3-40fd-800d-2845a189bba5"/>
  <p:tag name="OTLDEPDESTINATIONID" val="e8650693-dbda-4443-9214-1013f6389413"/>
  <p:tag name="OTLDEPENDENCYLAGUNIT" val="Undefined"/>
  <p:tag name="OTLDEPENDENCYLAGVALUE" val="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e8650693-dbda-4443-9214-1013f6389413"/>
  <p:tag name="OTLDEPDESTINATIONID" val="603c06f1-ca67-4775-8d5c-b4cc24c42d5a"/>
  <p:tag name="OTLDEPENDENCYLAGUNIT" val="Undefined"/>
  <p:tag name="OTLDEPENDENCYLAGVALUE" val="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03c06f1-ca67-4775-8d5c-b4cc24c42d5a"/>
  <p:tag name="OTLDEPDESTINATIONID" val="114a6d82-0087-4756-9bfc-16ae8d7870b8"/>
  <p:tag name="OTLDEPENDENCYLAGUNIT" val="Undefined"/>
  <p:tag name="OTLDEPENDENCYLAGVALUE" val="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Top"/>
  <p:tag name="OTLDEPDESTINATIONKIND" val="Side"/>
  <p:tag name="OTLDEPSOURCEID" val="114a6d82-0087-4756-9bfc-16ae8d7870b8"/>
  <p:tag name="OTLDEPDESTINATIONID" val="2e77f4f2-7fb2-4397-b6f7-7665c8e2dc77"/>
  <p:tag name="OTLDEPENDENCYLAGUNIT" val="Undefined"/>
  <p:tag name="OTLDEPENDENCYLAGVALUE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e77f4f2-7fb2-4397-b6f7-7665c8e2dc77"/>
  <p:tag name="OTLDEPDESTINATIONID" val="1811b680-5529-4939-aa96-cef04d1eb711"/>
  <p:tag name="OTLDEPENDENCYLAGUNIT" val="Undefined"/>
  <p:tag name="OTLDEPENDENCYLAGVALUE" val="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811b680-5529-4939-aa96-cef04d1eb711"/>
  <p:tag name="OTLDEPDESTINATIONID" val="23cee9cf-80a4-4ac5-b107-b976e7317f69"/>
  <p:tag name="OTLDEPENDENCYLAGUNIT" val="Undefined"/>
  <p:tag name="OTLDEPENDENCYLAGVALUE" val="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Top"/>
  <p:tag name="OTLDEPDESTINATIONKIND" val="Side"/>
  <p:tag name="OTLDEPSOURCEID" val="23cee9cf-80a4-4ac5-b107-b976e7317f69"/>
  <p:tag name="OTLDEPDESTINATIONID" val="a355246d-0faf-453f-9ce0-327e66efecdf"/>
  <p:tag name="OTLDEPENDENCYLAGUNIT" val="Undefined"/>
  <p:tag name="OTLDEPENDENCYLAGVALUE" val="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355246d-0faf-453f-9ce0-327e66efecdf"/>
  <p:tag name="OTLDEPDESTINATIONID" val="90317337-ad23-42f6-bb3f-18465df1aa2a"/>
  <p:tag name="OTLDEPENDENCYLAGUNIT" val="Undefined"/>
  <p:tag name="OTLDEPENDENCYLAGVALUE" val="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Bottom"/>
  <p:tag name="OTLDEPDESTINATIONKIND" val="Side"/>
  <p:tag name="OTLDEPSOURCEID" val="90317337-ad23-42f6-bb3f-18465df1aa2a"/>
  <p:tag name="OTLDEPDESTINATIONID" val="1e66e371-18f9-4e60-9228-d2c11108abcd"/>
  <p:tag name="OTLDEPENDENCYLAGUNIT" val="Undefined"/>
  <p:tag name="OTLDEPENDENCYLAGVALUE" val="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Top"/>
  <p:tag name="OTLDEPSOURCEID" val="1e66e371-18f9-4e60-9228-d2c11108abcd"/>
  <p:tag name="OTLDEPDESTINATIONID" val="9036fe79-814f-42ef-8508-34bd92ff13cc"/>
  <p:tag name="OTLDEPENDENCYLAGUNIT" val="Undefined"/>
  <p:tag name="OTLDEPENDENCYLAGVALUE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3T00:00:00.0000000"/>
  <p:tag name="OTLENDDATE" val="2023-04-06T23:59:00.0000000"/>
  <p:tag name="OTLDURATIONFORMAT" val="d"/>
  <p:tag name="OTLSPACING" val="3"/>
  <p:tag name="OTLSHAPETHICKNESSTYPE" val="Thi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7T00:00:00.0000000"/>
  <p:tag name="OTLENDDATE" val="2023-04-08T23:59:00.0000000"/>
  <p:tag name="OTLDURATIONFORMAT" val="d"/>
  <p:tag name="OTLSPACING" val="3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9T00:00:00.0000000"/>
  <p:tag name="OTLENDDATE" val="2023-04-12T23:59:00.0000000"/>
  <p:tag name="OTLDURATIONFORMAT" val="d"/>
  <p:tag name="OTLSPACING" val="3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3T00:00:00.0000000Z"/>
  <p:tag name="OTLENDDATE" val="2023-04-14T23:59:00.0000000Z"/>
  <p:tag name="OTLDURATIONFORMAT" val="d"/>
  <p:tag name="OTLSPACING" val="3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0T00:00:00.0000000"/>
  <p:tag name="OTLENDDATE" val="2023-04-11T23:59:00.0000000"/>
  <p:tag name="OTLDURATIONFORMAT" val="d"/>
  <p:tag name="OTLSPACING" val="3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30T00:00:00.0000000"/>
  <p:tag name="OTLENDDATE" val="2023-05-01T23:59:00.0000000"/>
  <p:tag name="OTLDURATIONFORMAT" val="d"/>
  <p:tag name="OTLSPACING" val="3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9T00:00:00.0000000"/>
  <p:tag name="OTLENDDATE" val="2023-04-09T23:59:00.0000000"/>
  <p:tag name="OTLDURATIONFORMAT" val="d"/>
  <p:tag name="OTLSPACING" val="3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0T00:00:00.0000000"/>
  <p:tag name="OTLENDDATE" val="2023-04-11T23:59:00.0000000"/>
  <p:tag name="OTLDURATIONFORMAT" val="d"/>
  <p:tag name="OTLSPACING" val="3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3T00:00:00.0000000"/>
  <p:tag name="OTLENDDATE" val="2023-04-16T23:59:00.0000000"/>
  <p:tag name="OTLDURATIONFORMAT" val="d"/>
  <p:tag name="OTLSPACING" val="3"/>
  <p:tag name="OTLSHAPETHICKNESSTYP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7T00:00:00.0000000"/>
  <p:tag name="OTLENDDATE" val="2023-04-26T23:59:00.0000000"/>
  <p:tag name="OTLDURATIONFORMAT" val="d"/>
  <p:tag name="OTLSPACING" val="3"/>
  <p:tag name="OTLSHAPETHICKNESSTYPE" val="Thi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7T00:00:00.0000000"/>
  <p:tag name="OTLENDDATE" val="2023-04-29T23:59:00.0000000"/>
  <p:tag name="OTLDURATIONFORMAT" val="d"/>
  <p:tag name="OTLSPACING" val="3"/>
  <p:tag name="OTLSHAPETHICKNESSTYPE" val="Thi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9T00:00:00.0000000"/>
  <p:tag name="OTLENDDATE" val="2023-04-29T23:59:00.0000000"/>
  <p:tag name="OTLDURATIONFORMAT" val="d"/>
  <p:tag name="OTLSPACING" val="3"/>
  <p:tag name="OTLSHAPETHICKNESSTYP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2T00:00:00.0000000"/>
  <p:tag name="OTLENDDATE" val="2023-05-04T23:59:00.0000000"/>
  <p:tag name="OTLDURATIONFORMAT" val="d"/>
  <p:tag name="OTLSPACING" val="3"/>
  <p:tag name="OTLSHAPETHI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4T00:00:00.0000000"/>
  <p:tag name="OTLENDDATE" val="2023-05-04T23:59:00.0000000"/>
  <p:tag name="OTLDURATIONFORMAT" val="d"/>
  <p:tag name="OTLSPACING" val="3"/>
  <p:tag name="OTLSHAPETHICKNESSTYPE" val="Thi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9T00:00:00.0000000"/>
  <p:tag name="OTLENDDATE" val="2023-05-01T23:59:00.0000000"/>
  <p:tag name="OTLDURATIONFORMAT" val="d"/>
  <p:tag name="OTLSPACING" val="3"/>
  <p:tag name="OTLSHAPETHICKNESSTYP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5T00:00:00.0000000"/>
  <p:tag name="OTLENDDATE" val="2023-05-06T23:59:00.0000000"/>
  <p:tag name="OTLDURATIONFORMAT" val="d"/>
  <p:tag name="OTLSPACING" val="3"/>
  <p:tag name="OTLSHAPETHICKNESSTYP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3T00:00:00.0000000"/>
  <p:tag name="OTLENDDATE" val="2023-04-18T23:59:00.0000000"/>
  <p:tag name="OTLDURATIONFORMAT" val="d"/>
  <p:tag name="OTLSPACING" val="3"/>
  <p:tag name="OTLSHAPETHICKNESSTYPE" val="Thi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9T00:00:00.0000000"/>
  <p:tag name="OTLENDDATE" val="2023-04-20T23:59:00.0000000"/>
  <p:tag name="OTLDURATIONFORMAT" val="d"/>
  <p:tag name="OTLSPACING" val="3"/>
  <p:tag name="OTLSHAPETHI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1T00:00:00.0000000"/>
  <p:tag name="OTLENDDATE" val="2023-04-21T23:59:00.0000000"/>
  <p:tag name="OTLDURATIONFORMAT" val="d"/>
  <p:tag name="OTLSPACING" val="3"/>
  <p:tag name="OTLSHAPETHICKNESSTYPE" val="Thi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9T00:00:00.0000000"/>
  <p:tag name="OTLENDDATE" val="2023-04-10T23:59:00.0000000"/>
  <p:tag name="OTLDURATIONFORMAT" val="d"/>
  <p:tag name="OTLSPACING" val="3"/>
  <p:tag name="OTLSHAPETHI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2T00:00:00.0000000"/>
  <p:tag name="OTLENDDATE" val="2023-04-23T23:59:00.0000000"/>
  <p:tag name="OTLDURATIONFORMAT" val="d"/>
  <p:tag name="OTLSPACING" val="3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4T00:00:00.0000000"/>
  <p:tag name="OTLENDDATE" val="2023-04-28T23:59:00.0000000"/>
  <p:tag name="OTLDURATIONFORMAT" val="d"/>
  <p:tag name="OTLSPACING" val="3"/>
  <p:tag name="OTLSHAPETHICKNESSTYP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"/>
  <p:tag name="OTLDATE" val="2023-04-02T23:59:00.0000000Z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d"/>
  <p:tag name="OTLDATE" val="2023-05-07T00:00:00.0000000Z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05-07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4</Words>
  <Application>Microsoft Office PowerPoint</Application>
  <PresentationFormat>Widescreen</PresentationFormat>
  <Paragraphs>75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2-19T14:15:20Z</dcterms:created>
  <dcterms:modified xsi:type="dcterms:W3CDTF">2022-12-19T14:15:34Z</dcterms:modified>
</cp:coreProperties>
</file>